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026"/>
  <workbookPr defaultThemeVersion="202300"/>
  <mc:AlternateContent xmlns:mc="http://schemas.openxmlformats.org/markup-compatibility/2006">
    <mc:Choice Requires="x15">
      <x15ac:absPath xmlns:x15ac="http://schemas.microsoft.com/office/spreadsheetml/2010/11/ac" url="\\10.2.108.50\s23902007\０２　指導監査\002 自主点検表等\自主点検表\R8年度\№1・2_法人\"/>
    </mc:Choice>
  </mc:AlternateContent>
  <xr:revisionPtr revIDLastSave="0" documentId="8_{8AB3A3E1-4840-4D49-88F4-7FE01C3DA501}" xr6:coauthVersionLast="47" xr6:coauthVersionMax="47" xr10:uidLastSave="{00000000-0000-0000-0000-000000000000}"/>
  <bookViews>
    <workbookView xWindow="-98" yWindow="-98" windowWidth="21795" windowHeight="13875" activeTab="1" xr2:uid="{00000000-000D-0000-FFFF-FFFF00000000}"/>
  </bookViews>
  <sheets>
    <sheet name="表紙" sheetId="3" r:id="rId1"/>
    <sheet name="自主点検表" sheetId="1" r:id="rId2"/>
    <sheet name="Sheet1" sheetId="2" state="hidden" r:id="rId3"/>
  </sheets>
  <definedNames>
    <definedName name="OLE_LINK1" localSheetId="0">表紙!$N$4</definedName>
    <definedName name="_xlnm.Print_Area" localSheetId="1">自主点検表!$A$1:$E$68,自主点検表!$A$69:$J$588</definedName>
    <definedName name="_xlnm.Print_Area" localSheetId="0">表紙!$A$1:$M$72</definedName>
    <definedName name="_xlnm.Print_Titles" localSheetId="1">自主点検表!$70:$7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595" uniqueCount="1001">
  <si>
    <t>自己評価</t>
    <rPh sb="0" eb="2">
      <t>ジコ</t>
    </rPh>
    <rPh sb="2" eb="4">
      <t>ヒョウカ</t>
    </rPh>
    <phoneticPr fontId="4"/>
  </si>
  <si>
    <t>根拠法令</t>
    <phoneticPr fontId="4"/>
  </si>
  <si>
    <t>特記事項</t>
    <phoneticPr fontId="4"/>
  </si>
  <si>
    <t>１　定款は、法令等に従い、必要事項が記載されているか。</t>
  </si>
  <si>
    <t>□</t>
  </si>
  <si>
    <t>２　定款の変更手続</t>
  </si>
  <si>
    <t>３　定款の備置き・公表</t>
  </si>
  <si>
    <t>チェックポイント</t>
    <phoneticPr fontId="4" type="Hiragana" alignment="distributed"/>
  </si>
  <si>
    <t>○　定款の必要的記載事項</t>
  </si>
  <si>
    <t>◎法第31条第1項</t>
  </si>
  <si>
    <t>ｶﾞｲﾄﾞﾗｲﾝ（Ⅰ-1-1）</t>
    <phoneticPr fontId="2"/>
  </si>
  <si>
    <t>ｶﾞｲﾄﾞﾗｲﾝ（Ⅰ-1-3）</t>
    <phoneticPr fontId="2"/>
  </si>
  <si>
    <t>□定款</t>
    <phoneticPr fontId="2"/>
  </si>
  <si>
    <t>ｶﾞｲﾄﾞﾗｲﾝ（Ⅰ-1-2）</t>
    <phoneticPr fontId="2"/>
  </si>
  <si>
    <t>１　特定社会福祉法人における内部管理体制の整備</t>
  </si>
  <si>
    <t>１　評議員の選任手続</t>
  </si>
  <si>
    <t>□関係規程
□理事会の議事録</t>
    <phoneticPr fontId="2"/>
  </si>
  <si>
    <t>◎法第45条の13第5項
◎令第13条の3
◎規則第2条の16</t>
    <phoneticPr fontId="2"/>
  </si>
  <si>
    <t>ｶﾞｲﾄﾞﾗｲﾝ（Ⅰ-2-1）</t>
    <phoneticPr fontId="2"/>
  </si>
  <si>
    <t>◎法第39条</t>
  </si>
  <si>
    <t>２　評議員の適格性</t>
  </si>
  <si>
    <t>３　評議員の数は、定款で定めた理事の員数を超えているか。</t>
  </si>
  <si>
    <t>◎法第40条第3項</t>
    <phoneticPr fontId="2"/>
  </si>
  <si>
    <t>ｶﾞｲﾄﾞﾗｲﾝ(Ⅰ-3-(2)-1)</t>
    <phoneticPr fontId="2"/>
  </si>
  <si>
    <t>３　議事録の作成・保存</t>
  </si>
  <si>
    <t>４ 決算</t>
  </si>
  <si>
    <t>４　理事</t>
  </si>
  <si>
    <t>１　理事の定数</t>
  </si>
  <si>
    <t>１　理事の選任又は解任</t>
  </si>
  <si>
    <t>ｶﾞｲﾄﾞﾗｲﾝ(Ⅰ-4-(1)-1)</t>
    <phoneticPr fontId="2"/>
  </si>
  <si>
    <t>ｶﾞｲﾄﾞﾗｲﾝ(Ⅰ-4-(2)-1)</t>
    <phoneticPr fontId="2"/>
  </si>
  <si>
    <t>１　理事の適格性</t>
  </si>
  <si>
    <t>ｶﾞｲﾄﾞﾗｲﾝ(Ⅰ-4-(3)-1)</t>
    <phoneticPr fontId="2"/>
  </si>
  <si>
    <t>【各理事と特殊の関係にある者の範囲】</t>
  </si>
  <si>
    <t>２　理事として含まれていなければならない者</t>
  </si>
  <si>
    <t>１　理事長及び業務執行理事</t>
  </si>
  <si>
    <t>◎法第44条第4項</t>
    <phoneticPr fontId="2"/>
  </si>
  <si>
    <t>ｶﾞｲﾄﾞﾗｲﾝ(Ⅰ-4-(3)-2)</t>
    <phoneticPr fontId="2"/>
  </si>
  <si>
    <t>□定款
□理事会の議事録</t>
    <phoneticPr fontId="2"/>
  </si>
  <si>
    <t>５　監事</t>
  </si>
  <si>
    <t>１　監事の定数</t>
  </si>
  <si>
    <t>１　監事の選任及び解任</t>
  </si>
  <si>
    <t>ｶﾞｲﾄﾞﾗｲﾝ(Ⅰ-5-(1)-1)</t>
    <phoneticPr fontId="2"/>
  </si>
  <si>
    <t>ｶﾞｲﾄﾞﾗｲﾝ(Ⅰ-5-(2)-1)</t>
    <phoneticPr fontId="2"/>
  </si>
  <si>
    <t>２　監事の適格性</t>
  </si>
  <si>
    <t>ｶﾞｲﾄﾞﾗｲﾝ(Ⅰ-5-(2)-2)</t>
    <phoneticPr fontId="2"/>
  </si>
  <si>
    <t>１　監事の職務・義務</t>
  </si>
  <si>
    <t>◎法第44条第5項</t>
    <phoneticPr fontId="2"/>
  </si>
  <si>
    <t>ｶﾞｲﾄﾞﾗｲﾝ(Ⅰ-5-(2)-3)</t>
    <phoneticPr fontId="2"/>
  </si>
  <si>
    <t>□監事監査報告
□監査報告の内容の通知文書</t>
    <phoneticPr fontId="2"/>
  </si>
  <si>
    <t>ｶﾞｲﾄﾞﾗｲﾝ(Ⅰ-5-(3)-1)</t>
    <phoneticPr fontId="2"/>
  </si>
  <si>
    <t>２　理事会への出席義務</t>
  </si>
  <si>
    <t>□理事会の議事録</t>
    <phoneticPr fontId="2"/>
  </si>
  <si>
    <t>６　理事会</t>
  </si>
  <si>
    <t>１　理事会の招集手続</t>
  </si>
  <si>
    <t>２　理事会の決議</t>
  </si>
  <si>
    <t>ｶﾞｲﾄﾞﾗｲﾝ(Ⅰ-6-(1)-1)</t>
    <phoneticPr fontId="2"/>
  </si>
  <si>
    <t>３　理事への権限の委任</t>
  </si>
  <si>
    <t>４　理事長等の職務の執行状況にかかる理事会への報告</t>
  </si>
  <si>
    <t>◎法第45条の13第4項</t>
    <phoneticPr fontId="2"/>
  </si>
  <si>
    <t>ｶﾞｲﾄﾞﾗｲﾝ(Ⅰ-6-(1)-3)</t>
    <phoneticPr fontId="2"/>
  </si>
  <si>
    <t>◎法第45条の16第3項</t>
    <phoneticPr fontId="2"/>
  </si>
  <si>
    <t>ｶﾞｲﾄﾞﾗｲﾝ(Ⅰ-6-(1)-4)</t>
    <phoneticPr fontId="2"/>
  </si>
  <si>
    <t>１　議事録の作成・保存</t>
  </si>
  <si>
    <t>１　借入</t>
  </si>
  <si>
    <t>ｶﾞｲﾄﾞﾗｲﾝ(Ⅰ-6-(2)-1)</t>
    <phoneticPr fontId="2"/>
  </si>
  <si>
    <t>◎第45条の13第4項第2号</t>
    <phoneticPr fontId="2"/>
  </si>
  <si>
    <t>ｶﾞｲﾄﾞﾗｲﾝ（Ⅰ-6-(3)-1）</t>
    <phoneticPr fontId="2"/>
  </si>
  <si>
    <t>７　会計監査人</t>
  </si>
  <si>
    <t>１　会計監査人の設置</t>
  </si>
  <si>
    <t>２　会計監査人の選任</t>
  </si>
  <si>
    <t>◎法第36条第2項、第37条
◎令第13条の3
（参考）
◎法第45条の6第3項</t>
    <phoneticPr fontId="2"/>
  </si>
  <si>
    <t>ｶﾞｲﾄﾞﾗｲﾝ(Ⅰ-7-1)</t>
    <phoneticPr fontId="2"/>
  </si>
  <si>
    <t>ｶﾞｲﾄﾞﾗｲﾝ(Ⅰ-7-2)</t>
    <phoneticPr fontId="2"/>
  </si>
  <si>
    <t>　　評議員会の決議により適切に選任等がされているか。</t>
    <phoneticPr fontId="2"/>
  </si>
  <si>
    <t>　　借入（多額の借財に限る。）は、理事会の決議を受けて行われているか。</t>
    <phoneticPr fontId="2"/>
  </si>
  <si>
    <t>　　実際に開催された理事会において、必要な回数以上報告がされているか。</t>
    <phoneticPr fontId="2"/>
  </si>
  <si>
    <t>　　また、定款の必要的記載事項が事実に反するものとなっていないか。</t>
    <phoneticPr fontId="2"/>
  </si>
  <si>
    <t>ｶﾞｲﾄﾞﾗｲﾝ(Ⅰ-7-3)</t>
    <phoneticPr fontId="2"/>
  </si>
  <si>
    <t>ｶﾞｲﾄﾞﾗｲﾝ（Ⅰ-8）</t>
    <phoneticPr fontId="2"/>
  </si>
  <si>
    <t>１　評議員の報酬等</t>
  </si>
  <si>
    <t>２　理事の報酬等</t>
  </si>
  <si>
    <t>□定款</t>
    <phoneticPr fontId="2"/>
  </si>
  <si>
    <t>ｶﾞｲﾄﾞﾗｲﾝ(Ⅰ-8-(1)-1)</t>
    <phoneticPr fontId="2"/>
  </si>
  <si>
    <t>□定款
□評議員会の議事録</t>
    <phoneticPr fontId="2"/>
  </si>
  <si>
    <t>ｶﾞｲﾄﾞﾗｲﾝ(Ⅰ-8-(1)-2)</t>
    <phoneticPr fontId="2"/>
  </si>
  <si>
    <t>３　監事の報酬等</t>
  </si>
  <si>
    <t>４　会計監査人の報酬等</t>
  </si>
  <si>
    <t>ｶﾞｲﾄﾞﾗｲﾝ(Ⅰ-8-(1)-3)</t>
    <phoneticPr fontId="2"/>
  </si>
  <si>
    <t>　　会計監査人の報酬等を定める場合に、監事の過半数の同意を得ているか。</t>
    <phoneticPr fontId="2"/>
  </si>
  <si>
    <t>ｶﾞｲﾄﾞﾗｲﾝ(Ⅰ-8-(1)-4)</t>
    <phoneticPr fontId="2"/>
  </si>
  <si>
    <t>１　役員及び評議員に対する報酬等の支給基準及びその公表</t>
  </si>
  <si>
    <t>ｶﾞｲﾄﾞﾗｲﾝ(Ⅰ-8-(2)-1)</t>
    <phoneticPr fontId="2"/>
  </si>
  <si>
    <t>１　役員及び評議員の報酬等の支給</t>
  </si>
  <si>
    <t>１　役員及び評議員等の報酬等の公表</t>
  </si>
  <si>
    <t>□現況報告書</t>
    <phoneticPr fontId="2"/>
  </si>
  <si>
    <t>◎法第59条の2第1項第3号
◎規則第2条の41、第10条</t>
    <phoneticPr fontId="2"/>
  </si>
  <si>
    <t>１　事業一般</t>
  </si>
  <si>
    <t>１　事業の実施</t>
  </si>
  <si>
    <t>２　「地域における公益的な取組」の実施</t>
  </si>
  <si>
    <t>ｶﾞｲﾄﾞﾗｲﾝ(Ⅱ-1-1)</t>
    <phoneticPr fontId="2"/>
  </si>
  <si>
    <t>◎法第24条第2項</t>
    <phoneticPr fontId="2"/>
  </si>
  <si>
    <t>ｶﾞｲﾄﾞﾗｲﾝ(Ⅱ-1-2)</t>
    <phoneticPr fontId="2"/>
  </si>
  <si>
    <t>１　社会福祉事業の実施</t>
  </si>
  <si>
    <t>◎法第22条、第26条第１項
◎審査基準第1の1の(1)</t>
    <phoneticPr fontId="2"/>
  </si>
  <si>
    <t>ｶﾞｲﾄﾞﾗｲﾝ(Ⅱ-2-1)</t>
    <phoneticPr fontId="2"/>
  </si>
  <si>
    <t>２　社会福祉事業を行うために必要な資産</t>
  </si>
  <si>
    <t>　　社会福祉事業を行うために必要な資産が確保されているか。</t>
    <phoneticPr fontId="2"/>
  </si>
  <si>
    <t>□定款
□貸借対照表
□財産目録
□登記簿謄本</t>
    <phoneticPr fontId="2"/>
  </si>
  <si>
    <t>◎法第25条
◎審査基準第2の1、2の(1)</t>
    <phoneticPr fontId="2"/>
  </si>
  <si>
    <t>ｶﾞｲﾄﾞﾗｲﾝ(Ⅱ-2-2)</t>
    <phoneticPr fontId="2"/>
  </si>
  <si>
    <t>○　以上の資産は、法人の設立の時のみならず、法人が存続する限り有していなければならない。</t>
    <phoneticPr fontId="2"/>
  </si>
  <si>
    <t>３　公益事業</t>
    <phoneticPr fontId="2"/>
  </si>
  <si>
    <t>１　公益事業の適正な実施</t>
  </si>
  <si>
    <t>◎法第26条第1項</t>
    <phoneticPr fontId="2"/>
  </si>
  <si>
    <t>ｶﾞｲﾄﾞﾗｲﾝ(Ⅱ-3-1)</t>
    <phoneticPr fontId="2"/>
  </si>
  <si>
    <t>４　収益事業</t>
  </si>
  <si>
    <t>１　収益事業の実施</t>
  </si>
  <si>
    <t>◎法第26条</t>
  </si>
  <si>
    <t>ｶﾞｲﾄﾞﾗｲﾝ(Ⅱ-4-1)</t>
    <phoneticPr fontId="2"/>
  </si>
  <si>
    <t>ｶﾞｲﾄﾞﾗｲﾝ(Ⅱ-4-2)</t>
    <phoneticPr fontId="2"/>
  </si>
  <si>
    <t>１　人事管理</t>
  </si>
  <si>
    <t>１　職員の任免等</t>
  </si>
  <si>
    <t>２　資産管理</t>
  </si>
  <si>
    <t>１　基本財産の管理運用</t>
  </si>
  <si>
    <t>ｶﾞｲﾄﾞﾗｲﾝ(Ⅲ-1-1)</t>
    <phoneticPr fontId="2"/>
  </si>
  <si>
    <t>○　法人の資産は、基本財産、その他財産、公益事業用財産及び収益事業用財産に区分される。</t>
    <phoneticPr fontId="2"/>
  </si>
  <si>
    <t>○　その他財産とは、基本財産、公益事業用財産及び収益事業用財産以外の財産をいう。</t>
    <phoneticPr fontId="2"/>
  </si>
  <si>
    <t>◎法第25条
◎審査基準第2の1の(1)</t>
    <phoneticPr fontId="2"/>
  </si>
  <si>
    <t>ｶﾞｲﾄﾞﾗｲﾝ(Ⅲ-2-(1)-1)</t>
    <phoneticPr fontId="2"/>
  </si>
  <si>
    <t>１　基本財産以外の資産の管理運用</t>
  </si>
  <si>
    <t>ｶﾞｲﾄﾞﾗｲﾝ(Ⅲ-2-(2)-1)</t>
    <phoneticPr fontId="2"/>
  </si>
  <si>
    <t>１　株式の保有</t>
  </si>
  <si>
    <t>ｶﾞｲﾄﾞﾗｲﾝ(Ⅲ-2-(3)-1)</t>
    <phoneticPr fontId="2"/>
  </si>
  <si>
    <t>１　不動産の借用</t>
  </si>
  <si>
    <t>ｶﾞｲﾄﾞﾗｲﾝ(Ⅲ-2-(4)-1)</t>
    <phoneticPr fontId="2"/>
  </si>
  <si>
    <t>３　会計管理</t>
  </si>
  <si>
    <t>ｶﾞｲﾄﾞﾗｲﾝ(Ⅲ-3-(1))</t>
    <phoneticPr fontId="2"/>
  </si>
  <si>
    <t>◎留意事項1の(4)</t>
    <phoneticPr fontId="2"/>
  </si>
  <si>
    <t>ｶﾞｲﾄﾞﾗｲﾝ(Ⅲ-3-(2)-1)</t>
    <phoneticPr fontId="2"/>
  </si>
  <si>
    <t>２　予算の執行及び資金等管理の体制整備</t>
  </si>
  <si>
    <t>◎留意事項１の(1)、(2)</t>
    <phoneticPr fontId="2"/>
  </si>
  <si>
    <t>ｶﾞｲﾄﾞﾗｲﾝ(Ⅲ-3-(2)-2)</t>
    <phoneticPr fontId="2"/>
  </si>
  <si>
    <t>１　事業区分等</t>
  </si>
  <si>
    <t>□定款
□資金収支予算書
□計算書類</t>
    <phoneticPr fontId="2"/>
  </si>
  <si>
    <t>◎会計省令第10条第1項
◎運用上の取扱い2
◎留意事項4</t>
    <phoneticPr fontId="2"/>
  </si>
  <si>
    <t>□定款
□拠点区分資金収支明細書
□拠点区分事業活動明細書</t>
    <phoneticPr fontId="2"/>
  </si>
  <si>
    <t>◎会計省令第10条第2項
◎運用上の取扱い3
◎留意事項5</t>
    <phoneticPr fontId="2"/>
  </si>
  <si>
    <t>２　会計処理</t>
  </si>
  <si>
    <t>□計算書類</t>
    <phoneticPr fontId="2"/>
  </si>
  <si>
    <t>３　計算書類の作成</t>
  </si>
  <si>
    <t>◎会計省令第7条の2
◎留意事項7</t>
    <phoneticPr fontId="2"/>
  </si>
  <si>
    <t>ｶﾞｲﾄﾞﾗｲﾝ(Ⅲ-3-(3)-3)</t>
    <phoneticPr fontId="2"/>
  </si>
  <si>
    <t>　　作成すべき計算書類が作成されているか。</t>
    <phoneticPr fontId="2"/>
  </si>
  <si>
    <t>４　資金収支計算書</t>
  </si>
  <si>
    <t>　(1) 計算書類に整合性がとれているか。</t>
    <phoneticPr fontId="2"/>
  </si>
  <si>
    <t>◎会計省令第13条
◎運用上の取扱い5
◎留意事項2の(1)</t>
    <phoneticPr fontId="2"/>
  </si>
  <si>
    <t>□資金収支計算書</t>
    <phoneticPr fontId="2"/>
  </si>
  <si>
    <t>　(2) 資金収支計算書の様式が会計基準に則しているか。</t>
    <phoneticPr fontId="2"/>
  </si>
  <si>
    <t>□資金収支予算書
□定款
□理事会の議事録
□評議員会の議事録</t>
    <phoneticPr fontId="2"/>
  </si>
  <si>
    <t>◎留意事項2の(1)、(2)</t>
    <phoneticPr fontId="2"/>
  </si>
  <si>
    <t>□資金収支予算書
□資金収支計算書
□定款
□理事会の議事録
□評議員会の議事録</t>
    <phoneticPr fontId="2"/>
  </si>
  <si>
    <t>◎留意事項2の(2)</t>
    <phoneticPr fontId="2"/>
  </si>
  <si>
    <t>５　事業活動計算書</t>
  </si>
  <si>
    <t>◎会計省令第1条第2項</t>
    <phoneticPr fontId="2"/>
  </si>
  <si>
    <t>　(2) 事業活動計算書の様式が会計基準に則しているか。</t>
    <phoneticPr fontId="2"/>
  </si>
  <si>
    <t>□事業活動計算書</t>
    <phoneticPr fontId="2"/>
  </si>
  <si>
    <t>◎会計省令第1条第2項、
　第2条第4号
◎運用上の取扱い1</t>
    <phoneticPr fontId="2"/>
  </si>
  <si>
    <t>　(3) 収益及び費用は適切な会計期間に計上されているか。</t>
    <phoneticPr fontId="2"/>
  </si>
  <si>
    <t>　(4) 寄附金について適正に計上されているか。</t>
    <phoneticPr fontId="2"/>
  </si>
  <si>
    <t>□寄附金申込書
□寄附金領収書（控）
□寄附金品台帳</t>
    <phoneticPr fontId="2"/>
  </si>
  <si>
    <t>◎留意事項9(2)</t>
    <phoneticPr fontId="2"/>
  </si>
  <si>
    <t>６　貸借対照表</t>
  </si>
  <si>
    <t>□計算書類
□財産目録</t>
    <phoneticPr fontId="2"/>
  </si>
  <si>
    <t>◎会計省令第33条</t>
    <phoneticPr fontId="2"/>
  </si>
  <si>
    <t>□貸借対照表</t>
    <phoneticPr fontId="2"/>
  </si>
  <si>
    <t>　(2) 貸借対照表の様式が会計基準に則しているか。</t>
    <phoneticPr fontId="2"/>
  </si>
  <si>
    <t>　(3) 資産は実在しているか。</t>
    <phoneticPr fontId="2"/>
  </si>
  <si>
    <t>◎会計省令第2条第1号</t>
    <phoneticPr fontId="2"/>
  </si>
  <si>
    <t>　(4) 資産を取得した場合、原則として取得価額を付しているか。</t>
    <phoneticPr fontId="2"/>
  </si>
  <si>
    <t>◎会計省令第4条第1項
◎運用上の取扱い14</t>
    <phoneticPr fontId="2"/>
  </si>
  <si>
    <t>　(5) 有形固定資産及び無形固定資産に係る減価償却を行っているか。</t>
    <phoneticPr fontId="2"/>
  </si>
  <si>
    <t>◎会計省令第4条第2項
◎運用上の取扱い16
◎留意事項17</t>
    <phoneticPr fontId="2"/>
  </si>
  <si>
    <t>　(6) 資産について時価評価を適正に行っているか。</t>
    <phoneticPr fontId="2"/>
  </si>
  <si>
    <t>◎会計省令第4条第3項
◎運用上の取扱い17
◎留意事項22</t>
    <phoneticPr fontId="2"/>
  </si>
  <si>
    <t>　(7) 有価証券の価額について適正に評価しているか。</t>
    <phoneticPr fontId="2"/>
  </si>
  <si>
    <t>◎会計省令第4条第5項
◎運用上の取扱い15</t>
    <phoneticPr fontId="2"/>
  </si>
  <si>
    <t>　(8) 棚卸資産について適正に評価しているか。</t>
    <phoneticPr fontId="2"/>
  </si>
  <si>
    <t>　(9) 負債は網羅的に計上されているか（引当金を除く）。</t>
    <phoneticPr fontId="2"/>
  </si>
  <si>
    <t>◎会計省令第4条第6項</t>
    <phoneticPr fontId="2"/>
  </si>
  <si>
    <t>◎会計省令第5条第1項</t>
    <phoneticPr fontId="2"/>
  </si>
  <si>
    <t>　(10) 引当金は適正かつ網羅的に計上されているか。
　　　（徴収不能引当金、賞与引当金、退職給付引当金以外）</t>
    <phoneticPr fontId="2"/>
  </si>
  <si>
    <t>○　引当金については、全ての要件に該当する場合には計上が必要である。</t>
    <phoneticPr fontId="2"/>
  </si>
  <si>
    <t>○　全ての要件に該当する場合以外の、利益を留保する目的で計上された引当金は認められない。</t>
    <phoneticPr fontId="2"/>
  </si>
  <si>
    <t>　(11) 債権について徴収不能引当金を適正に計上しているか。</t>
    <phoneticPr fontId="2"/>
  </si>
  <si>
    <t>　(12) 賞与引当金を適正に計上しているか。</t>
    <phoneticPr fontId="2"/>
  </si>
  <si>
    <t>　(13) 退職給付引当金を適正に計上しているか。</t>
    <phoneticPr fontId="2"/>
  </si>
  <si>
    <t>　(14) 純資産は適正に計上されているか。</t>
    <phoneticPr fontId="2"/>
  </si>
  <si>
    <t>◎会計省令第26条第2項</t>
    <phoneticPr fontId="2"/>
  </si>
  <si>
    <t>　(15) 基本金について適正に計上されているか。</t>
    <phoneticPr fontId="2"/>
  </si>
  <si>
    <t>　(16) 国庫補助金等特別積立金について適正に計上されているか。</t>
    <phoneticPr fontId="2"/>
  </si>
  <si>
    <t>◎会計省令第6条第2項
◎運用上の取扱い9、10
◎留意事項14(1)ア、15</t>
    <phoneticPr fontId="2"/>
  </si>
  <si>
    <t>　(17) その他の積立金について適正に計上されているか。</t>
    <phoneticPr fontId="2"/>
  </si>
  <si>
    <t>１　会計帳簿の整備</t>
  </si>
  <si>
    <t>ｶﾞｲﾄﾞﾗｲﾝ(Ⅲ-3-(4)-1)</t>
    <phoneticPr fontId="2"/>
  </si>
  <si>
    <t>　(2) 計算書類に係る各勘定科目の金額について主要簿と一致しているか。</t>
    <phoneticPr fontId="2"/>
  </si>
  <si>
    <t>　(1) 各拠点に仕訳日記帳及び総勘定元帳を作成しているか。</t>
    <phoneticPr fontId="2"/>
  </si>
  <si>
    <t>１　注記の作成</t>
  </si>
  <si>
    <t>ｶﾞｲﾄﾞﾗｲﾝ(Ⅲ-3-(5)-1)</t>
    <phoneticPr fontId="2"/>
  </si>
  <si>
    <t>法人全体</t>
    <rPh sb="0" eb="2">
      <t>ホウジン</t>
    </rPh>
    <rPh sb="2" eb="4">
      <t>ゼンタイ</t>
    </rPh>
    <phoneticPr fontId="2"/>
  </si>
  <si>
    <t>拠点区分</t>
    <rPh sb="0" eb="2">
      <t>キョテン</t>
    </rPh>
    <rPh sb="2" eb="4">
      <t>クブン</t>
    </rPh>
    <phoneticPr fontId="2"/>
  </si>
  <si>
    <t>該当がない場合</t>
    <rPh sb="0" eb="2">
      <t>ガイトウ</t>
    </rPh>
    <rPh sb="5" eb="7">
      <t>バアイ</t>
    </rPh>
    <phoneticPr fontId="2"/>
  </si>
  <si>
    <t>○</t>
  </si>
  <si>
    <t>×</t>
  </si>
  <si>
    <t>項目記載不要</t>
  </si>
  <si>
    <t>「該当なし」と記載</t>
  </si>
  <si>
    <t>２　附属明細書の作成</t>
  </si>
  <si>
    <t>　(1) 作成すべき附属明細書が様式に従って作成されているか。</t>
    <phoneticPr fontId="2"/>
  </si>
  <si>
    <t>　(2) 附属明細書に係る勘定科目と金額が計算書類と整合しているか。</t>
    <phoneticPr fontId="2"/>
  </si>
  <si>
    <t>ｶﾞｲﾄﾞﾗｲﾝ(Ⅲ-3-(5)-2)</t>
    <phoneticPr fontId="2"/>
  </si>
  <si>
    <t>介護保険サービス及び障害福祉サービスを実施する拠点区分</t>
  </si>
  <si>
    <t>省略可</t>
  </si>
  <si>
    <t>要作成</t>
  </si>
  <si>
    <t>上記以外の事業を実施する拠点</t>
  </si>
  <si>
    <t>いずれか一方を省略可</t>
  </si>
  <si>
    <t>サービス区分が１つの拠点区分</t>
  </si>
  <si>
    <t>どちらも省略可</t>
  </si>
  <si>
    <t>子どものための教育・保育給付費、措置費による事業を実施する拠点区分</t>
    <phoneticPr fontId="2"/>
  </si>
  <si>
    <t>省略可能な事項等</t>
  </si>
  <si>
    <t>作業種別ごとに区分することが困難な場合</t>
  </si>
  <si>
    <t>作業種別の区分</t>
  </si>
  <si>
    <t>３　財産目録の作成</t>
  </si>
  <si>
    <t>□定款
□法人単位貸借対照表
□財産目録</t>
    <phoneticPr fontId="2"/>
  </si>
  <si>
    <t>□定款
□計算書類
□計算書類の附属明細書</t>
    <phoneticPr fontId="2"/>
  </si>
  <si>
    <t>◎会計省令第30条
◎運用上の取扱い25、
　 別紙3（①）から別紙3（⑲）
   まで</t>
    <phoneticPr fontId="2"/>
  </si>
  <si>
    <t>□計算書類
□計算書類に対する注記
   （法人全体）
□計算書類に対する注記
   （拠点区分）</t>
    <phoneticPr fontId="2"/>
  </si>
  <si>
    <t>◎会計省令第29条
◎運用上の取扱い20から
   24まで、別紙1、別紙2
◎留意事項25の(2)、26</t>
    <phoneticPr fontId="2"/>
  </si>
  <si>
    <t>◎法第45条の24
◎会計省令第2条第2号、
　 第3条、第7条の2
◎留意事項2の(3)、27</t>
    <phoneticPr fontId="2"/>
  </si>
  <si>
    <t>◎会計省令第6条第3項
◎運用上の取扱い19、
　別紙3（⑫）「積立金・積立
  資産明細書」
◎留意事項19</t>
    <phoneticPr fontId="2"/>
  </si>
  <si>
    <t>◎会計省令第5条第2項
   第2号
◎運用上の取扱い18の(4)
◎留意事項18の(3)</t>
    <phoneticPr fontId="2"/>
  </si>
  <si>
    <t>◎会計省令第4条第4項
◎運用上の取扱い18の(2)
◎留意事項18の(1)</t>
    <phoneticPr fontId="2"/>
  </si>
  <si>
    <t>◎会計省令第5条第2項
◎運用上の取扱い18の
   (1)、(4)</t>
    <phoneticPr fontId="2"/>
  </si>
  <si>
    <t>◎会計省令第2号第1様式
   から第4様式まで</t>
    <phoneticPr fontId="2"/>
  </si>
  <si>
    <t>◎会計省令第1号第1様式
   から第4様式まで</t>
    <phoneticPr fontId="2"/>
  </si>
  <si>
    <t>◎会計省令第11条、第14条
   第2項、第20条第2項
◎運用上の取扱い6
◎留意事項8、9、10</t>
    <phoneticPr fontId="2"/>
  </si>
  <si>
    <t>◎審査基準第2の1の(1)、
   (2)のエ、オ、キ</t>
    <phoneticPr fontId="2"/>
  </si>
  <si>
    <t>◎審査基準第2の3の(2)
◎審査要領第2の(8)から
   (11)まで</t>
    <phoneticPr fontId="2"/>
  </si>
  <si>
    <t>◎審査基準第2の2の(2)、
   第2の3の(2)</t>
    <phoneticPr fontId="2"/>
  </si>
  <si>
    <t>◎法第45条の8第4項により
   準用される一般法人法第
   196条</t>
    <phoneticPr fontId="2"/>
  </si>
  <si>
    <t>◎法第45条の14第6項、第7
   項、第45条の15第1項</t>
    <phoneticPr fontId="2"/>
  </si>
  <si>
    <t>◎法第45条の36第1項、第2
   項、第4項、第45条の9第7
   項第3号
◎規則第4条</t>
    <phoneticPr fontId="2"/>
  </si>
  <si>
    <t>ｶﾞｲﾄﾞﾗｲﾝ(Ⅲ-3-(5)-3)</t>
    <phoneticPr fontId="2"/>
  </si>
  <si>
    <t>　(2) 財産目録に係る勘定科目と金額が法人単位貸借対照表と整合しているか。</t>
    <phoneticPr fontId="2"/>
  </si>
  <si>
    <t>　(1) 財産目録の様式が通知に則しているか。</t>
    <phoneticPr fontId="2"/>
  </si>
  <si>
    <t>４　その他</t>
  </si>
  <si>
    <t>１　特別の利益供与</t>
  </si>
  <si>
    <t>◎法第27条
◎令第13条の2
◎規則第１条の3</t>
    <phoneticPr fontId="2"/>
  </si>
  <si>
    <t>ｶﾞｲﾄﾞﾗｲﾝ(Ⅲ-4-(1)-1)</t>
    <phoneticPr fontId="2"/>
  </si>
  <si>
    <t>１　社会福祉充実計画に伴う事業
　　社会福祉充実計画に定める事業が計画に沿って行われているか。</t>
    <phoneticPr fontId="2"/>
  </si>
  <si>
    <t>◎法第55条の2第11項</t>
    <phoneticPr fontId="2"/>
  </si>
  <si>
    <t>◎法第59条の2
◎規則第10条</t>
    <phoneticPr fontId="2"/>
  </si>
  <si>
    <t>１　サービスの質の向上を図るための措置</t>
  </si>
  <si>
    <t>◎法第78条第1項</t>
    <phoneticPr fontId="2"/>
  </si>
  <si>
    <t>２　苦情解決</t>
  </si>
  <si>
    <t>　(1) 福祉サービスに関する苦情解決の仕組みへの取組が行われているか。</t>
    <phoneticPr fontId="2"/>
  </si>
  <si>
    <t>◎法第82条</t>
    <phoneticPr fontId="2"/>
  </si>
  <si>
    <t>ｶﾞｲﾄﾞﾗｲﾝ(Ⅲ-4-(4)-2)</t>
    <phoneticPr fontId="2"/>
  </si>
  <si>
    <t>ｶﾞｲﾄﾞﾗｲﾝ(Ⅲ-4-(4)-1)</t>
    <phoneticPr fontId="2"/>
  </si>
  <si>
    <t>　(2) 定期的に第三者委員へ報告しているか。</t>
    <phoneticPr fontId="2"/>
  </si>
  <si>
    <t>３　登記事項の変更</t>
  </si>
  <si>
    <t>◎法第29条
◎組合等登記令
（昭和39年政令第29号）</t>
    <phoneticPr fontId="2"/>
  </si>
  <si>
    <t>ｶﾞｲﾄﾞﾗｲﾝ(Ⅲ-4-(4)-3)</t>
    <phoneticPr fontId="2"/>
  </si>
  <si>
    <t>４　契約等</t>
  </si>
  <si>
    <t>　(1) 法人印及び代表者印の管理について管理が十分に行われているか。</t>
    <phoneticPr fontId="2"/>
  </si>
  <si>
    <t>該当なし</t>
    <rPh sb="0" eb="2">
      <t>ガイトウ</t>
    </rPh>
    <phoneticPr fontId="2"/>
  </si>
  <si>
    <t>○　所轄庁への届出で足りる変更事項
　・事務所の所在地（第4号）
　・資産に関する事項（基本財産が増加する場合に限る。第9号）
　・公告の方法（第15号）</t>
    <phoneticPr fontId="2"/>
  </si>
  <si>
    <t>　(1) 定款を事務所に備え置いているか。</t>
    <phoneticPr fontId="2"/>
  </si>
  <si>
    <t>　(2) 定款の内容をインターネットを利用して公表しているか。</t>
    <phoneticPr fontId="2"/>
  </si>
  <si>
    <t>　(3) 公表している定款は直近のものであるか。</t>
    <phoneticPr fontId="2"/>
  </si>
  <si>
    <t>　(1) 内部管理体制が理事会で決定されているか。</t>
    <phoneticPr fontId="2"/>
  </si>
  <si>
    <t>　(2) 内部管理体制に係る必要な規程の策定が行われているか。</t>
    <phoneticPr fontId="2"/>
  </si>
  <si>
    <t>　(2) 当該法人の役員又は職員を兼ねていないか。</t>
    <phoneticPr fontId="2"/>
  </si>
  <si>
    <t>　(1) 欠格事由に該当する者が選任されていないか。
　　　欠格事由に該当しないことの確認方法
　　　（例）欠格事由の確認書、誓約書
　　　（　　　　　　　　　　　　　　　　　　　　　　　　　　　）</t>
    <phoneticPr fontId="2"/>
  </si>
  <si>
    <t>　(3) 定時評議員会が毎会計年度終了後一定の時期に招集されているか。</t>
    <phoneticPr fontId="2"/>
  </si>
  <si>
    <t>○　理事会の決議により定めなければならない事項（招集通知に記載しなければならない事項）
　①　評議員会の日時及び場所
　②　評議員会の目的である事項がある場合は当該事項
　③　評議員会の目的である事項に係る議案（当該目的である事項が議案となるものを除く。）の概要
　　　　（議案が確定していない場合はその旨）</t>
    <phoneticPr fontId="2"/>
  </si>
  <si>
    <t>　(2) 決議が必要な事項について、決議が行われているか。</t>
    <phoneticPr fontId="2"/>
  </si>
  <si>
    <t>　(1) 厚生労働省令に定めるところにより、議事録を作成しているか。</t>
    <phoneticPr fontId="2"/>
  </si>
  <si>
    <t>　(1) 計算関係書類等について、監事の監査を受けているか。</t>
    <phoneticPr fontId="2"/>
  </si>
  <si>
    <t>　(3) 計算関係書類等は理事会の承認を受けているか。</t>
    <phoneticPr fontId="2"/>
  </si>
  <si>
    <t>　(1) 定款に定める員数が選任されているか。</t>
    <phoneticPr fontId="2"/>
  </si>
  <si>
    <t>　(3) 欠員が生じている場合、補充のための検討や手続を進めているか。</t>
    <phoneticPr fontId="2"/>
  </si>
  <si>
    <t>　(1) 評議員会の決議により選任又は解任されているか。</t>
    <phoneticPr fontId="2"/>
  </si>
  <si>
    <t>　(3) 理事の解任は、法に定める解任事由に該当しているか。</t>
    <phoneticPr fontId="2"/>
  </si>
  <si>
    <t>　(6) 暴力団員等の反社会的勢力の者が選任されていないか。</t>
    <phoneticPr fontId="2"/>
  </si>
  <si>
    <t>　　ⅰ　当該理事と婚姻の届出をしていないが事実上婚姻関係と同様の事情にある者</t>
    <phoneticPr fontId="2"/>
  </si>
  <si>
    <t>　　ⅱ　当該理事の使用人</t>
    <phoneticPr fontId="2"/>
  </si>
  <si>
    <t>　　ⅲ　当該理事から受ける金銭その他の財産によって生計を維持している者</t>
    <phoneticPr fontId="2"/>
  </si>
  <si>
    <t>　　ⅳ　ⅱ又はⅲの配偶者</t>
    <phoneticPr fontId="2"/>
  </si>
  <si>
    <t>　　ⅴ　ⅰ～ⅲの三親等以内の親族であって、これらの者と生計を一にする者</t>
    <phoneticPr fontId="2"/>
  </si>
  <si>
    <t>　　　（注1）法人ではない団体で代表者又は管理人の定めがある場合には、その代表者又は管理人を含む。</t>
    <phoneticPr fontId="2"/>
  </si>
  <si>
    <t>　(1) 社会福祉事業の経営に識見を有する者が選任されているか。</t>
    <phoneticPr fontId="2"/>
  </si>
  <si>
    <t>　(3) 施設を設置している場合は、当該施設の管理者が選任されているか。</t>
    <phoneticPr fontId="2"/>
  </si>
  <si>
    <t>　(1) 任期ごとに理事長を選定しているか。</t>
    <phoneticPr fontId="2"/>
  </si>
  <si>
    <t>　(1) 評議員会の決議により選任されているか。</t>
    <phoneticPr fontId="2"/>
  </si>
  <si>
    <t>　(4) 監事の解任は評議員会の特別決議によっているか。</t>
    <phoneticPr fontId="2"/>
  </si>
  <si>
    <t>○　監事の解任については、評議員会の特別決議により行う。（法第45条の9第7項第1号、第45条の4第1項）</t>
    <phoneticPr fontId="2"/>
  </si>
  <si>
    <t>　(1) 欠格事由を有する者が選任されていないか。
　　　欠格事由に該当しないことの確認方法
　　　（例）欠格事由の確認書、誓約書
　　　（　　　　　　　　　　　　　　　　　　　　　　　　　　　　　）</t>
    <phoneticPr fontId="2"/>
  </si>
  <si>
    <t>　(5) 実際に法人運営に参加できない者が名目的に選任されていないか。</t>
    <phoneticPr fontId="2"/>
  </si>
  <si>
    <t>　(2) 評議員、理事又は職員を兼ねていないか。</t>
    <phoneticPr fontId="2"/>
  </si>
  <si>
    <t>　(2) 当年度及びその前年度において、監事の全員が欠席した理事会はないか。</t>
    <phoneticPr fontId="2"/>
  </si>
  <si>
    <t>　(1) 権限を有する者が招集しているか。</t>
    <phoneticPr fontId="2"/>
  </si>
  <si>
    <t>　(2) 各理事及び各監事に対して、期限までに招集の通知をしているか。</t>
    <phoneticPr fontId="2"/>
  </si>
  <si>
    <t>　(3) 招集通知の省略により、理事会を開催したことがないか。</t>
    <phoneticPr fontId="2"/>
  </si>
  <si>
    <t>　(4) 招集通知の省略は、理事及び監事の全員の同意により行われているか。</t>
    <phoneticPr fontId="2"/>
  </si>
  <si>
    <t>　(1) 決議に必要な数の理事が出席し、必要な数の賛成により行われているか。</t>
    <phoneticPr fontId="2"/>
  </si>
  <si>
    <t>　(4) 理事会で評議員の選任又は解任の決議が行われていないか。</t>
    <phoneticPr fontId="2"/>
  </si>
  <si>
    <t>　(5) 理事会を欠席した理事が書面による議決権の行使を行っていないか。</t>
    <phoneticPr fontId="2"/>
  </si>
  <si>
    <t>○　理事会の決議を要する事項
　・評議員会の日時及び場所並びに議題・議案の決定
　・理事長及び業務執行理事の選定及び解職
　・重要な役割を担う職員の選任及び解任
　・従たる事務所その他の重要な組織の設置、変更及び廃止
　・内部管理体制の整備（特定社会福祉法人のみ）
　・競業及び利益相反取引の承認
　・計算書類及び事業報告等の承認
　・役員、会計監査人の責任の一部免除（定款に定めがある場合に限る。）
　・役員、会計監査人に対する補償契約及び役員、会計監査人のために締結される保険契約の内容の決定
　・その他重要な業務執行の決定（理事長等に委任されていない業務執行の決定）</t>
    <phoneticPr fontId="2"/>
  </si>
  <si>
    <t>　(1) 理事に委任できない事項が理事に委任されていないか。</t>
    <phoneticPr fontId="2"/>
  </si>
  <si>
    <t>　(1) 法令で定めるところにより議事録が作成されているか。</t>
    <phoneticPr fontId="2"/>
  </si>
  <si>
    <t>　(3) 議事録が電磁的記録で作成されている場合、必要な措置をしているか。</t>
    <phoneticPr fontId="2"/>
  </si>
  <si>
    <t>　(1) 特定社会福祉法人が、会計監査人の設置を定款に定めているか。</t>
    <phoneticPr fontId="2"/>
  </si>
  <si>
    <t>　(2) 会計監査人の設置を定款に定めた法人が、会計監査人を設置しているか。</t>
    <phoneticPr fontId="2"/>
  </si>
  <si>
    <t>　(3) 会計監査人が欠けた場合、遅滞なく会計監査人を選任しているか。</t>
    <phoneticPr fontId="2"/>
  </si>
  <si>
    <t>　　ⅰ　無限定適正意見
　　ⅱ　除外事項を付した限定付適正意見
　　ⅲ　不適正意見
　　ⅳ　意見不表明</t>
    <phoneticPr fontId="2"/>
  </si>
  <si>
    <t>３　会計監査</t>
    <phoneticPr fontId="2"/>
  </si>
  <si>
    <t>　(1) 省令に定めるところにより会計監査報告を作成しているか。</t>
    <phoneticPr fontId="2"/>
  </si>
  <si>
    <t>　　評議員の報酬等の額が定款で定められているか。</t>
    <phoneticPr fontId="2"/>
  </si>
  <si>
    <t>　(1) 理事の報酬等の額が定款又は評議員会の決議によって定められているか。</t>
    <phoneticPr fontId="2"/>
  </si>
  <si>
    <t>　(1) 監事の報酬等が定款又は評議員会の決議によって定められているか。</t>
    <phoneticPr fontId="2"/>
  </si>
  <si>
    <t>　(2) 理事、監事及び評議員に対する報酬等の支給の基準を公表しているか。</t>
    <phoneticPr fontId="2"/>
  </si>
  <si>
    <t>　(1) 定款に定めている事業が実施されているか。</t>
    <phoneticPr fontId="2"/>
  </si>
  <si>
    <t>　(2) 定款に定めていない事業が実施されていないか。</t>
    <phoneticPr fontId="2"/>
  </si>
  <si>
    <t>　(1) 公益的な取組の内容</t>
    <phoneticPr fontId="2"/>
  </si>
  <si>
    <t>　(1) 当該法人の事業のうち主たる地位を占めるものであるか。</t>
    <phoneticPr fontId="2"/>
  </si>
  <si>
    <t>　(1) 社会福祉と関係があり、また、公益性があるものであるか。</t>
    <phoneticPr fontId="2"/>
  </si>
  <si>
    <t>　(2) 公益事業の経営により、社会福祉事業の経営に支障を来していないか。</t>
    <phoneticPr fontId="2"/>
  </si>
  <si>
    <t>　(3) 公益事業の規模が社会福祉事業の規模を超えていないか。</t>
    <phoneticPr fontId="2"/>
  </si>
  <si>
    <t>　(1) 社会福祉事業又は政令で定める公益事業の経営に収益が充てられているか。</t>
    <phoneticPr fontId="2"/>
  </si>
  <si>
    <t>　(2) 収益事業の経営により、社会福祉事業の経営に支障を来していないか。</t>
    <phoneticPr fontId="2"/>
  </si>
  <si>
    <t>２　収益事業の規模、内容
　(1) 収益事業の規模が社会福祉事業の規模を超えていないか。</t>
    <phoneticPr fontId="2"/>
  </si>
  <si>
    <t>　(2) 法人の社会的信用を傷つけるおそれのあるもの又は投機的なものでないか。</t>
    <phoneticPr fontId="2"/>
  </si>
  <si>
    <t>　(2) 職員の任免は適正な手続により行われているか。</t>
    <phoneticPr fontId="2"/>
  </si>
  <si>
    <t>　(1) 株式の保有が法令上認められるものであるか。</t>
    <phoneticPr fontId="2"/>
  </si>
  <si>
    <t>　(2) 経理規程が遵守されているか。</t>
    <phoneticPr fontId="2"/>
  </si>
  <si>
    <t>　(1) 事業区分は適正に区分されているか。</t>
    <phoneticPr fontId="2"/>
  </si>
  <si>
    <t>　(2) 拠点区分は適正に区分されているか。</t>
    <phoneticPr fontId="2"/>
  </si>
  <si>
    <t>◎会計省令第6条第1項
◎運用上の取扱い11、12
◎留意事項14</t>
    <phoneticPr fontId="2"/>
  </si>
  <si>
    <t>　(1) 注記に係る勘定科目と金額が計算書類と整合しているか。</t>
    <phoneticPr fontId="2"/>
  </si>
  <si>
    <t>　(2) 計算書類の注記について注記すべき事項が記載されているか。</t>
    <phoneticPr fontId="2"/>
  </si>
  <si>
    <t>ｶﾞｲﾄﾞﾗｲﾝ(Ⅲ-4-(2)-1)</t>
    <phoneticPr fontId="2"/>
  </si>
  <si>
    <t>ｶﾞｲﾄﾞﾗｲﾝ(Ⅲ-4-(3)-1)</t>
    <phoneticPr fontId="2"/>
  </si>
  <si>
    <t>ｶﾞｲﾄﾞﾗｲﾝ(Ⅲ-4-(4)-4)</t>
    <phoneticPr fontId="2"/>
  </si>
  <si>
    <t>社会福祉法人自主点検表</t>
    <rPh sb="0" eb="2">
      <t>シャカイ</t>
    </rPh>
    <rPh sb="2" eb="4">
      <t>フクシ</t>
    </rPh>
    <rPh sb="4" eb="6">
      <t>ホウジン</t>
    </rPh>
    <rPh sb="6" eb="8">
      <t>ジシュ</t>
    </rPh>
    <rPh sb="8" eb="10">
      <t>テンケン</t>
    </rPh>
    <rPh sb="10" eb="11">
      <t>ヒョウ</t>
    </rPh>
    <phoneticPr fontId="2"/>
  </si>
  <si>
    <t>電話番号</t>
    <rPh sb="0" eb="2">
      <t>デンワ</t>
    </rPh>
    <rPh sb="2" eb="4">
      <t>バンゴウ</t>
    </rPh>
    <phoneticPr fontId="2"/>
  </si>
  <si>
    <t>E-mail</t>
    <phoneticPr fontId="2"/>
  </si>
  <si>
    <t>氏名</t>
    <rPh sb="0" eb="2">
      <t>シメイ</t>
    </rPh>
    <phoneticPr fontId="2"/>
  </si>
  <si>
    <t>点検状況</t>
    <rPh sb="0" eb="2">
      <t>テンケン</t>
    </rPh>
    <rPh sb="2" eb="4">
      <t>ジョウキョウ</t>
    </rPh>
    <phoneticPr fontId="2"/>
  </si>
  <si>
    <t>職名</t>
    <rPh sb="0" eb="2">
      <t>ショクメイ</t>
    </rPh>
    <phoneticPr fontId="2"/>
  </si>
  <si>
    <t>職・氏名</t>
    <rPh sb="0" eb="1">
      <t>ショク</t>
    </rPh>
    <rPh sb="2" eb="4">
      <t>シメイ</t>
    </rPh>
    <phoneticPr fontId="2"/>
  </si>
  <si>
    <t>指導監査課</t>
    <rPh sb="0" eb="2">
      <t>シドウ</t>
    </rPh>
    <rPh sb="2" eb="4">
      <t>カンサ</t>
    </rPh>
    <rPh sb="4" eb="5">
      <t>カ</t>
    </rPh>
    <phoneticPr fontId="2"/>
  </si>
  <si>
    <t>監査年月日</t>
    <rPh sb="0" eb="2">
      <t>カンサ</t>
    </rPh>
    <rPh sb="2" eb="5">
      <t>ネンガッピ</t>
    </rPh>
    <phoneticPr fontId="2"/>
  </si>
  <si>
    <t>職・氏名</t>
    <phoneticPr fontId="2"/>
  </si>
  <si>
    <t>ｶﾞｲﾄﾞﾗｲﾝ(Ⅰ-4-(4)-1)</t>
    <phoneticPr fontId="2"/>
  </si>
  <si>
    <t>ｶﾞｲﾄﾞﾗｲﾝ(Ⅰ-6-(1)-2)</t>
    <phoneticPr fontId="2"/>
  </si>
  <si>
    <t>ｶﾞｲﾄﾞﾗｲﾝ(Ⅰ-8-(3)-1)</t>
    <phoneticPr fontId="2"/>
  </si>
  <si>
    <t>ｶﾞｲﾄﾞﾗｲﾝ(Ⅰ-8-(4)-1)</t>
    <phoneticPr fontId="2"/>
  </si>
  <si>
    <t>ｶﾞｲﾄﾞﾗｲﾝ(Ⅲ-3-(3)-1)</t>
    <phoneticPr fontId="2"/>
  </si>
  <si>
    <t>ｶﾞｲﾄﾞﾗｲﾝ(Ⅲ-3-(3)-2)</t>
    <phoneticPr fontId="2"/>
  </si>
  <si>
    <t>主眼事項</t>
    <rPh sb="0" eb="2">
      <t>シュガン</t>
    </rPh>
    <rPh sb="2" eb="4">
      <t>ジコウ</t>
    </rPh>
    <phoneticPr fontId="4"/>
  </si>
  <si>
    <t>社会福祉施設</t>
    <rPh sb="0" eb="2">
      <t>シャカイ</t>
    </rPh>
    <rPh sb="2" eb="4">
      <t>フクシ</t>
    </rPh>
    <rPh sb="4" eb="6">
      <t>シセツ</t>
    </rPh>
    <phoneticPr fontId="2"/>
  </si>
  <si>
    <t>指　導　監　査　の　根　拠</t>
    <rPh sb="0" eb="1">
      <t>ユビ</t>
    </rPh>
    <rPh sb="2" eb="3">
      <t>シルベ</t>
    </rPh>
    <rPh sb="4" eb="5">
      <t>カン</t>
    </rPh>
    <rPh sb="6" eb="7">
      <t>サ</t>
    </rPh>
    <rPh sb="10" eb="11">
      <t>ネ</t>
    </rPh>
    <rPh sb="12" eb="13">
      <t>キョ</t>
    </rPh>
    <phoneticPr fontId="2"/>
  </si>
  <si>
    <t>種　　　　　　　別</t>
    <rPh sb="0" eb="1">
      <t>シュ</t>
    </rPh>
    <rPh sb="8" eb="9">
      <t>ベツ</t>
    </rPh>
    <phoneticPr fontId="2"/>
  </si>
  <si>
    <t xml:space="preserve"> 社会福祉法人</t>
    <rPh sb="1" eb="7">
      <t>シャカイフクシホウジン</t>
    </rPh>
    <phoneticPr fontId="2"/>
  </si>
  <si>
    <t xml:space="preserve"> 幼保連携型認定こども園</t>
    <rPh sb="1" eb="3">
      <t>ヨウホ</t>
    </rPh>
    <rPh sb="3" eb="5">
      <t>レンケイ</t>
    </rPh>
    <rPh sb="5" eb="6">
      <t>ガタ</t>
    </rPh>
    <rPh sb="6" eb="8">
      <t>ニンテイ</t>
    </rPh>
    <rPh sb="11" eb="12">
      <t>エン</t>
    </rPh>
    <phoneticPr fontId="2"/>
  </si>
  <si>
    <t xml:space="preserve"> 女性自立支援施設</t>
    <rPh sb="1" eb="3">
      <t>ジョセイ</t>
    </rPh>
    <rPh sb="3" eb="5">
      <t>ジリツ</t>
    </rPh>
    <rPh sb="5" eb="7">
      <t>シエン</t>
    </rPh>
    <rPh sb="7" eb="9">
      <t>シセツ</t>
    </rPh>
    <phoneticPr fontId="2"/>
  </si>
  <si>
    <t xml:space="preserve"> 老人福祉施設</t>
    <rPh sb="1" eb="3">
      <t>ロウジン</t>
    </rPh>
    <rPh sb="3" eb="5">
      <t>フクシ</t>
    </rPh>
    <rPh sb="5" eb="7">
      <t>シセツ</t>
    </rPh>
    <phoneticPr fontId="2"/>
  </si>
  <si>
    <t xml:space="preserve"> 障害者支援施設</t>
    <rPh sb="1" eb="4">
      <t>ショウガイシャ</t>
    </rPh>
    <rPh sb="4" eb="6">
      <t>シエン</t>
    </rPh>
    <rPh sb="6" eb="8">
      <t>シセツ</t>
    </rPh>
    <phoneticPr fontId="2"/>
  </si>
  <si>
    <t xml:space="preserve"> 保護施設</t>
    <rPh sb="1" eb="3">
      <t>ホゴ</t>
    </rPh>
    <rPh sb="3" eb="5">
      <t>シセツ</t>
    </rPh>
    <phoneticPr fontId="2"/>
  </si>
  <si>
    <t xml:space="preserve"> 児童福祉施設</t>
    <rPh sb="1" eb="3">
      <t>ジドウ</t>
    </rPh>
    <rPh sb="3" eb="5">
      <t>フクシ</t>
    </rPh>
    <rPh sb="5" eb="7">
      <t>シセツ</t>
    </rPh>
    <phoneticPr fontId="2"/>
  </si>
  <si>
    <t xml:space="preserve"> 助産施設</t>
    <rPh sb="1" eb="3">
      <t>ジョサン</t>
    </rPh>
    <rPh sb="3" eb="5">
      <t>シセツ</t>
    </rPh>
    <phoneticPr fontId="2"/>
  </si>
  <si>
    <t xml:space="preserve"> 母子生活支援施設</t>
    <rPh sb="1" eb="3">
      <t>ボシ</t>
    </rPh>
    <rPh sb="3" eb="5">
      <t>セイカツ</t>
    </rPh>
    <rPh sb="5" eb="7">
      <t>シエン</t>
    </rPh>
    <rPh sb="7" eb="9">
      <t>シセツ</t>
    </rPh>
    <phoneticPr fontId="2"/>
  </si>
  <si>
    <t xml:space="preserve"> 保育所</t>
    <rPh sb="1" eb="3">
      <t>ホイク</t>
    </rPh>
    <rPh sb="3" eb="4">
      <t>ショ</t>
    </rPh>
    <phoneticPr fontId="2"/>
  </si>
  <si>
    <t xml:space="preserve"> 救護施設</t>
    <rPh sb="1" eb="3">
      <t>キュウゴ</t>
    </rPh>
    <rPh sb="3" eb="5">
      <t>シセツ</t>
    </rPh>
    <phoneticPr fontId="2"/>
  </si>
  <si>
    <t xml:space="preserve"> 養護老人ホーム</t>
    <rPh sb="1" eb="3">
      <t>ヨウゴ</t>
    </rPh>
    <rPh sb="3" eb="5">
      <t>ロウジン</t>
    </rPh>
    <phoneticPr fontId="2"/>
  </si>
  <si>
    <t xml:space="preserve"> 特別養護老人ホーム</t>
    <rPh sb="1" eb="3">
      <t>トクベツ</t>
    </rPh>
    <rPh sb="3" eb="5">
      <t>ヨウゴ</t>
    </rPh>
    <rPh sb="5" eb="7">
      <t>ロウジン</t>
    </rPh>
    <phoneticPr fontId="2"/>
  </si>
  <si>
    <t xml:space="preserve"> 軽費老人ホーム</t>
    <rPh sb="1" eb="3">
      <t>ケイヒ</t>
    </rPh>
    <rPh sb="3" eb="5">
      <t>ロウジン</t>
    </rPh>
    <phoneticPr fontId="2"/>
  </si>
  <si>
    <t xml:space="preserve"> 社会福祉法第５６条第１項</t>
    <rPh sb="1" eb="3">
      <t>シャカイ</t>
    </rPh>
    <rPh sb="3" eb="5">
      <t>フクシ</t>
    </rPh>
    <rPh sb="5" eb="6">
      <t>ホウ</t>
    </rPh>
    <rPh sb="6" eb="7">
      <t>ダイ</t>
    </rPh>
    <rPh sb="9" eb="10">
      <t>ジョウ</t>
    </rPh>
    <rPh sb="10" eb="11">
      <t>ダイ</t>
    </rPh>
    <rPh sb="12" eb="13">
      <t>コウ</t>
    </rPh>
    <phoneticPr fontId="2"/>
  </si>
  <si>
    <t xml:space="preserve"> 児童福祉法第４６条第１項
 社会福祉法第７０条</t>
    <rPh sb="1" eb="3">
      <t>ジドウ</t>
    </rPh>
    <rPh sb="3" eb="5">
      <t>フクシ</t>
    </rPh>
    <rPh sb="5" eb="6">
      <t>ホウ</t>
    </rPh>
    <rPh sb="6" eb="7">
      <t>ダイ</t>
    </rPh>
    <rPh sb="9" eb="10">
      <t>ジョウ</t>
    </rPh>
    <rPh sb="10" eb="11">
      <t>ダイ</t>
    </rPh>
    <rPh sb="12" eb="13">
      <t>コウ</t>
    </rPh>
    <phoneticPr fontId="2"/>
  </si>
  <si>
    <t xml:space="preserve"> 生活保護法第４４条第１項</t>
    <rPh sb="1" eb="3">
      <t>セイカツ</t>
    </rPh>
    <rPh sb="3" eb="5">
      <t>ホゴ</t>
    </rPh>
    <rPh sb="5" eb="6">
      <t>ホウ</t>
    </rPh>
    <rPh sb="6" eb="7">
      <t>ダイ</t>
    </rPh>
    <rPh sb="9" eb="10">
      <t>ジョウ</t>
    </rPh>
    <rPh sb="10" eb="11">
      <t>ダイ</t>
    </rPh>
    <rPh sb="12" eb="13">
      <t>コウ</t>
    </rPh>
    <phoneticPr fontId="2"/>
  </si>
  <si>
    <t xml:space="preserve"> 社会福祉法第７０条</t>
    <rPh sb="1" eb="3">
      <t>シャカイ</t>
    </rPh>
    <rPh sb="3" eb="5">
      <t>フクシ</t>
    </rPh>
    <rPh sb="5" eb="6">
      <t>ホウ</t>
    </rPh>
    <rPh sb="6" eb="7">
      <t>ダイ</t>
    </rPh>
    <rPh sb="9" eb="10">
      <t>ジョウ</t>
    </rPh>
    <phoneticPr fontId="2"/>
  </si>
  <si>
    <t xml:space="preserve"> 老人福祉法第１８条第２項</t>
    <rPh sb="1" eb="3">
      <t>ロウジン</t>
    </rPh>
    <rPh sb="3" eb="5">
      <t>フクシ</t>
    </rPh>
    <rPh sb="5" eb="6">
      <t>ホウ</t>
    </rPh>
    <rPh sb="6" eb="7">
      <t>ダイ</t>
    </rPh>
    <rPh sb="9" eb="10">
      <t>ジョウ</t>
    </rPh>
    <rPh sb="10" eb="11">
      <t>ダイ</t>
    </rPh>
    <rPh sb="12" eb="13">
      <t>コウ</t>
    </rPh>
    <phoneticPr fontId="2"/>
  </si>
  <si>
    <t>　＜法第31条第1項各号に掲げる事項＞
　・ 目的（第1号）　　　　　　　　　　　　　　　　　　　　　　・ 資産に関する事項（第9号）
　・ 名称（第2号）　　　　　　　　　　　　　　　　　　　　　　・ 会計に関する事項（第10号）
　・ 社会福祉事業の種類（第3号）　　　　　　　　　　　 ・ 公益事業の種類（公益事業を行う場合に限る。第11号）
　・ 事務所の所在地（第4号）　　　　　　　　　　　　　　 ・ 収益事業の種類（収益事業を行う場合に限る。第12号）
　・ 評議員及び評議員会に関する事項（第5号）      ・ 解散に関する事項（第13号）
　・ 役員(理事及び監事をいう。）の定数その他       ・ 定款の変更に関する事項（第14号）
　　役員に関する事項（第6号）                              ・ 公告の方法（第15号）
　・ 理事会に関する事項（第7号）
　・ 会計監査人に関する事項（会計監査人を設置
　　する場合に限る。第8号）</t>
    <phoneticPr fontId="2"/>
  </si>
  <si>
    <t>１　経理規程</t>
    <phoneticPr fontId="2"/>
  </si>
  <si>
    <t>　(1) 定款等に定めるところにより、経理規程を制定しているか。</t>
    <phoneticPr fontId="2"/>
  </si>
  <si>
    <t>　</t>
    <phoneticPr fontId="2"/>
  </si>
  <si>
    <t>　(2) 理事に委任される範囲が規程等で明確になっているか。
　　　【規程等の種類】
　　　（例）定款施行細則、理事長専決規程
　　　（　　　　　　　               　　　　　　　　　　　　　　　　）</t>
    <phoneticPr fontId="2"/>
  </si>
  <si>
    <t xml:space="preserve"> (1) 定数</t>
    <phoneticPr fontId="2"/>
  </si>
  <si>
    <t xml:space="preserve"> (3) 適格性</t>
    <phoneticPr fontId="2"/>
  </si>
  <si>
    <t xml:space="preserve"> (4) 理事長等</t>
    <phoneticPr fontId="2"/>
  </si>
  <si>
    <t xml:space="preserve"> (1) 定数</t>
    <phoneticPr fontId="2"/>
  </si>
  <si>
    <t xml:space="preserve"> (3) 職務・義務</t>
    <phoneticPr fontId="2"/>
  </si>
  <si>
    <t xml:space="preserve"> (1) 審議状況</t>
    <phoneticPr fontId="2"/>
  </si>
  <si>
    <t xml:space="preserve"> (2) 記録</t>
    <phoneticPr fontId="2"/>
  </si>
  <si>
    <t xml:space="preserve"> (1) 報酬</t>
    <phoneticPr fontId="2"/>
  </si>
  <si>
    <t xml:space="preserve"> (1) 基本財産</t>
    <phoneticPr fontId="2"/>
  </si>
  <si>
    <t xml:space="preserve"> (3) 株式保有</t>
    <phoneticPr fontId="2"/>
  </si>
  <si>
    <t xml:space="preserve"> (1) 会計の原則</t>
    <phoneticPr fontId="2"/>
  </si>
  <si>
    <t xml:space="preserve"> (2) 規程・体制</t>
    <phoneticPr fontId="2"/>
  </si>
  <si>
    <t xml:space="preserve"> (3) 会計処理</t>
    <phoneticPr fontId="2"/>
  </si>
  <si>
    <t xml:space="preserve"> (4) 会計帳簿</t>
    <phoneticPr fontId="2"/>
  </si>
  <si>
    <t xml:space="preserve"> (3) 情報の公表</t>
    <phoneticPr fontId="2"/>
  </si>
  <si>
    <t xml:space="preserve"> (4) その他</t>
    <phoneticPr fontId="2"/>
  </si>
  <si>
    <t>　(4) 特別決議は必要数の賛成をもって行われているか。</t>
    <phoneticPr fontId="2"/>
  </si>
  <si>
    <t>　(1) 欠格事由を有する者が選任されていないか。
　　　欠格事由に該当しないことの確認方法
　　　（例）欠格事由の確認書、誓約書
　　　（　　　　　　　　　　　　　　　　　　　　　　　　　　　　　　　）</t>
    <phoneticPr fontId="2"/>
  </si>
  <si>
    <t>　・社会福祉事業について識見を有する監事
　　（　氏名：　　　　　　　　　　　　　　　　　　　）</t>
    <rPh sb="25" eb="27">
      <t>シメイ</t>
    </rPh>
    <phoneticPr fontId="2"/>
  </si>
  <si>
    <t>　・財務管理について識見を有する監事
　　（　氏名：　　　　　　　　　　　　　　　　　　　）</t>
    <phoneticPr fontId="2"/>
  </si>
  <si>
    <t>　資金収支計算書
　　イ　法人単位資金収支計算書
　　ロ　資金収支内訳表
　　ハ　事業区分資金収支内訳表
　　ニ　拠点区分資金収支計算書　・・・・・・・・・・・</t>
    <phoneticPr fontId="2"/>
  </si>
  <si>
    <t>　事業活動計算書
　　イ　法人単位事業活動計算書
　　ロ　事業活動内訳表
　　ハ　事業区分事業活動内訳表
　　ニ　拠点区分事業活動計算書　・・・・・・・・・</t>
    <phoneticPr fontId="2"/>
  </si>
  <si>
    <t>　貸借対照表
　　イ　法人単位貸借対照表
　　ロ　貸借対照表内訳表
　　ハ　事業区分貸借対照表内訳表
　　ニ　拠点区分貸借対照表</t>
    <phoneticPr fontId="2"/>
  </si>
  <si>
    <t>□評議員会の招集通知</t>
    <phoneticPr fontId="2"/>
  </si>
  <si>
    <t>　</t>
    <phoneticPr fontId="2"/>
  </si>
  <si>
    <t>　(2) 就任承諾書等、就任の意思表示があったことを確認できる文書を保存して
　　いるか。</t>
    <phoneticPr fontId="2"/>
  </si>
  <si>
    <t>２　決議
　(1) 決議に必要な数の評議員が出席し、必要な数の賛成をもって行われている
　　か。</t>
    <phoneticPr fontId="2"/>
  </si>
  <si>
    <t>　(5) 評議員会の決議があったとみなされた場合（決議を省略した場合）や評議員
　　会への報告があったとみなされた場合（報告を省略した場合）に、評議員の
　　全員の書面又は電磁的記録による同意の意思表示があるか。</t>
    <phoneticPr fontId="2"/>
  </si>
  <si>
    <t>　　●決議の省略または報告の省略があったとみなされた日
　　　（令和　　　　年　　　　月　　　　日）
　　　（令和　　　　年　　　　月　　　　日）</t>
    <phoneticPr fontId="2"/>
  </si>
  <si>
    <t>　(2) 会計監査人設置法人は、計算関係書類等について、会計監査人の監査を受け
　　ているか。</t>
    <phoneticPr fontId="2"/>
  </si>
  <si>
    <t>　(4) 会計監査人設置法人以外の法人は、計算書類及び財産目録について、定時評
　　議員会の承認を受けているか。</t>
    <phoneticPr fontId="2"/>
  </si>
  <si>
    <t>　(5) 会計監査人設置法人は、計算書類及び財産目録を定時評議員会に報告してい
　　るか。</t>
    <phoneticPr fontId="2"/>
  </si>
  <si>
    <t>　(2) 定款で定めた員数の３分の１を超える者が欠けたときは遅滞なく補充してい
　　るか。</t>
    <phoneticPr fontId="2"/>
  </si>
  <si>
    <t>　(2) 就任承諾書等、就任の意思表示があったことを確認できる文書を保存してい
　　るか。</t>
    <phoneticPr fontId="2"/>
  </si>
  <si>
    <t>　(2) 各理事について、特殊の関係にある者が理事総数の３分の１（上限は当該理
　　事を含めずに３人）を超えて含まれていないか。</t>
    <phoneticPr fontId="2"/>
  </si>
  <si>
    <t>　(2) 当該社会福祉法人が行う事業の区域における福祉に関する実情に通じている
　　者が選任されているか。</t>
    <phoneticPr fontId="2"/>
  </si>
  <si>
    <t>　(2) 評議員会に提出された監事の選任に関する議案は監事の過半数の同意を得て
　　いるか。</t>
    <phoneticPr fontId="2"/>
  </si>
  <si>
    <t>　(3) 就任承諾書等、就任の意思表示があったことを確認できる文書を保存してい
　　るか。</t>
    <phoneticPr fontId="2"/>
  </si>
  <si>
    <t>　(3) 監事のうちに、各役員について、その配偶者又は三親等以内の親族その他各
　　役員と厚生労働省令で定める特殊の関係にある者が含まれていないか。</t>
    <rPh sb="45" eb="47">
      <t>コウセイ</t>
    </rPh>
    <phoneticPr fontId="2"/>
  </si>
  <si>
    <t>　(4) 社会福祉協議会にあっては、関係行政庁の職員が役員の総数の５分の１まで
　　となっているか。</t>
    <phoneticPr fontId="2"/>
  </si>
  <si>
    <t>３　社会福祉事業について識見を有する者及び財務管理について識見を有する者
　が含まれているか。</t>
    <phoneticPr fontId="2"/>
  </si>
  <si>
    <t>　　理事の職務の執行を監査し、厚生労働省令で定めるところにより、監査報告を
　作成しているか。</t>
    <phoneticPr fontId="2"/>
  </si>
  <si>
    <t>　(1) 当年度及びその前年度において、理事会を２回以上続けて欠席している監事
　　はいないか。</t>
    <phoneticPr fontId="2"/>
  </si>
  <si>
    <t>　(3) 決議について特別の利害関係を有する理事が決議に加わっていないことを確
　　認しているか。
　　　・確認方法
　　　（　　　　　　　　　　　　　　　　　　　　　　　　　　　）</t>
    <phoneticPr fontId="2"/>
  </si>
  <si>
    <t>　(3) 業務執行理事を置いている場合、業務の範囲が規程等で明確になっている
　　か。
　　　【規程等の種類】
　　　（例）定款施行細則、業務執行理事専決規程
　　　（　　　　　　　　　　　　　　　　　　　　　　　　　　）</t>
    <phoneticPr fontId="2"/>
  </si>
  <si>
    <t>　(4) 議事録又は同意の意思表示の書面等を主たる事務所に必要な期間備え置いて
　　いるか。
　　①　理事会の日から10年間
　　②　理事会の決議を省略した場合は、理事会の決議があったものとみなされ
　　　た日から10年間</t>
    <phoneticPr fontId="2"/>
  </si>
  <si>
    <t>　(2) 財産目録を監査し、その監査結果を会計監査報告に併せて記載又は記録して
　　いるか。</t>
    <phoneticPr fontId="2"/>
  </si>
  <si>
    <t>　(3) 定款又は評議員会の決議によって監事の報酬総額のみが決定されているとき
　　は、その具体的な配分は、監事の協議によって定められているか。</t>
    <phoneticPr fontId="2"/>
  </si>
  <si>
    <t>　(1) 理事、監事及び評議員に対する報酬等について、厚生労働省令で定めるとこ
　　ろにより、支給の基準を定め、評議員会の承認を受けているか。</t>
    <phoneticPr fontId="2"/>
  </si>
  <si>
    <t>　(1) 評議員の報酬等が定款に定められた額及び報酬等の支給基準に従って支給さ
　　れているか。</t>
    <phoneticPr fontId="2"/>
  </si>
  <si>
    <t>　(2) 役員の報酬等が定款又は評議員会の決議により定められた額及び報酬等の支
　　給基準に従って支給されているか。</t>
    <phoneticPr fontId="2"/>
  </si>
  <si>
    <t>　(2) 職員を兼務し、職員給与を受けている理事が２人以上いる場合は、職員給与
　　も含めて公表しているか。</t>
    <phoneticPr fontId="2"/>
  </si>
  <si>
    <t>　(2) 公益的な取組の内容について、現況報告書や事業報告書、法人ホームページ
　　等で積極的な情報発信を行っているか。</t>
    <phoneticPr fontId="2"/>
  </si>
  <si>
    <t>　(2) 社会福祉事業で得た収入を、法令・通知上認められていない使途に充ててい
　　ないか。</t>
    <phoneticPr fontId="2"/>
  </si>
  <si>
    <t>　(3) 収益事業を行うことにより法人の社会福祉事業の円滑な遂行を妨げるおそれ
　　があるものでないか。</t>
    <phoneticPr fontId="2"/>
  </si>
  <si>
    <t>　(1) 重要な役割を担う職員の選任及び解任は、理事会の決議を経て行われている
　　か。</t>
    <phoneticPr fontId="2"/>
  </si>
  <si>
    <t>　(1) 法人の所有する社会福祉事業の用に供する不動産は、全て基本財産として定
　　款に記載されているか。</t>
    <phoneticPr fontId="2"/>
  </si>
  <si>
    <t>　(2) 国又は地方公共団体の所有する不動産を社会福祉事業に供している場合、そ
　　の使用許可を受けているか。</t>
    <phoneticPr fontId="2"/>
  </si>
  <si>
    <t>　(3) 社会福祉事業の用に供する不動産を国又は地方公共団体以外の者から賃借し
　　ている場合、地上権又は賃借権の登記を適正に行っているか。</t>
    <phoneticPr fontId="2"/>
  </si>
  <si>
    <t>　(4) 所轄庁の承認を得ずに、基本財産を処分し、貸与し又は担保に供していない
　　か。</t>
    <phoneticPr fontId="2"/>
  </si>
  <si>
    <t>　(5) 基本財産の管理運用は、安全、確実な方法、すなわち元本が確実に回収でき
　　るものにより行われているか。</t>
    <phoneticPr fontId="2"/>
  </si>
  <si>
    <t>　(1) 基本財産以外の資産（その他財産、公益事業用財産、収益事業用財産）の管
　　理運用にあたって、安全、確実な方法で行われているか。</t>
    <phoneticPr fontId="2"/>
  </si>
  <si>
    <t>　(2) その他財産のうち社会福祉事業の存続要件となっているものの管理が適正に
　　され、その処分がみだりに行われていないか。</t>
    <phoneticPr fontId="2"/>
  </si>
  <si>
    <t>　(2) 株式保有等を行っている場合（全株式の20％以上を保有している場合に限
　　る。）に、所轄庁に必要書類の提出をしているか。</t>
    <phoneticPr fontId="2"/>
  </si>
  <si>
    <t>　(1) 社会福祉事業の用に供する不動産を国又は地方公共団体から借用している場
　　合は、国又は地方公共団体の使用許可等を受けているか。</t>
    <phoneticPr fontId="2"/>
  </si>
  <si>
    <t>　(2) 社会福祉事業の用に供する不動産を国又は地方公共団体以外の者から借用し
　　ている場合は、その事業の存続に必要な期間の利用権を設定し、かつ、登記が
　　なされているか。</t>
    <phoneticPr fontId="2"/>
  </si>
  <si>
    <t>　(1) 予算の執行及び資金等の管理に関して、会計責任者の設置等の管理運営体制
　　が整備されているか。</t>
    <phoneticPr fontId="2"/>
  </si>
  <si>
    <t>　(2) 会計責任者と出納職員との兼務を避けるなど、内部牽制に配意した体制とさ
　　れているか。</t>
    <phoneticPr fontId="2"/>
  </si>
  <si>
    <t>　　会計省令等に定める会計処理の基本的取扱いに沿った会計処理を行っている
　か。</t>
    <phoneticPr fontId="2"/>
  </si>
  <si>
    <t>　(3) 資金収支予算書は、定款の定め等に従い適正な手続により作成されている
　　か。</t>
    <phoneticPr fontId="2"/>
  </si>
  <si>
    <t>　　法令に定める事項について、インターネットを利用して公表しているか。
　　法人ホームページまたは福祉医療機構（ＷＡＭ ＮＥＴ）で公表しているもの
　に○をつけてください。
　　　　・定款　　　　　　 　　　　（　　　　）
　　　　・役員等報酬基準　　　　　 （　　　　）
　　　　・役員等名簿　　　　　　　 （　　　　）
　　　　・計算書類　　　　 　　　　（　　　　）
　　　　・現況報告書　　　　　　　 （　　　　）</t>
    <phoneticPr fontId="2"/>
  </si>
  <si>
    <t xml:space="preserve"> 　 福祉サービス第三者評価事業による第三者評価を受審し、その結果を公表して
　いるか。</t>
    <phoneticPr fontId="2"/>
  </si>
  <si>
    <t>　(1) 登記事項（資産の総額を除く）について変更が生じた場合、２週間以内に変
　　更登記をしているか。</t>
    <phoneticPr fontId="2"/>
  </si>
  <si>
    <t>　(2) 資産の総額については、会計年度終了後３か月以内に変更登記をしている
　　か。</t>
    <phoneticPr fontId="2"/>
  </si>
  <si>
    <t>　(2) 理事長が契約について職員に委任する場合は、その範囲を明確に定めている
　　か。</t>
    <phoneticPr fontId="2"/>
  </si>
  <si>
    <t>　　 また、定款に議事録署名人（議事録に署名又は記名押印することと定められ
　  た者をいう。）が定められている場合には、定款に従ってその署名又は記名押
　  印がされているか。</t>
    <phoneticPr fontId="2"/>
  </si>
  <si>
    <t>ｶﾞｲﾄﾞﾗｲﾝ(Ⅲ-2)</t>
    <phoneticPr fontId="2"/>
  </si>
  <si>
    <t>ｶﾞｲﾄﾞﾗｲﾝ(Ⅲ-3-(3)-3)</t>
    <phoneticPr fontId="2"/>
  </si>
  <si>
    <t>いない
（ない）</t>
    <phoneticPr fontId="4"/>
  </si>
  <si>
    <t>いる
（ある）</t>
    <phoneticPr fontId="4"/>
  </si>
  <si>
    <t>　(4) 定時評議員会の招集の際に、評議員に対し、計算書類、事業報告及び監査報
　　告を提供しているか。</t>
    <rPh sb="15" eb="16">
      <t>サイ</t>
    </rPh>
    <rPh sb="18" eb="21">
      <t>ヒョウギイン</t>
    </rPh>
    <rPh sb="22" eb="23">
      <t>タイ</t>
    </rPh>
    <rPh sb="25" eb="27">
      <t>ケイサン</t>
    </rPh>
    <rPh sb="27" eb="29">
      <t>ショルイ</t>
    </rPh>
    <rPh sb="30" eb="32">
      <t>ジギョウ</t>
    </rPh>
    <rPh sb="32" eb="34">
      <t>ホウコク</t>
    </rPh>
    <rPh sb="34" eb="35">
      <t>オヨ</t>
    </rPh>
    <rPh sb="36" eb="38">
      <t>カンサ</t>
    </rPh>
    <rPh sb="38" eb="39">
      <t>ホウ</t>
    </rPh>
    <rPh sb="42" eb="43">
      <t>コク</t>
    </rPh>
    <rPh sb="44" eb="46">
      <t>テイキョウ</t>
    </rPh>
    <phoneticPr fontId="2"/>
  </si>
  <si>
    <t>　① 配偶者</t>
    <phoneticPr fontId="2"/>
  </si>
  <si>
    <t>　② 三親等以内の親族</t>
    <phoneticPr fontId="2"/>
  </si>
  <si>
    <t>　③ 厚生労働省令で定める者（規則第2条の10）</t>
    <phoneticPr fontId="2"/>
  </si>
  <si>
    <t>　【社会福祉事業の円滑な遂行を妨げるおそれがあるもの（審査要領第1の3の（3））】
　　① 社会福祉施設の付近において、騒音、ばい煙等を著しく発生させるようなおそれのある場合
　　② 社会福祉事業と収益事業とが、同一設備を使用して行われる場合</t>
    <phoneticPr fontId="2"/>
  </si>
  <si>
    <t>　(3) 拠点区分について、サービス区分が設けられているか。</t>
    <phoneticPr fontId="2"/>
  </si>
  <si>
    <t xml:space="preserve"> １　継続事業の前提に関する注記</t>
    <phoneticPr fontId="2"/>
  </si>
  <si>
    <t xml:space="preserve"> ２　重要な会計方針</t>
    <phoneticPr fontId="2"/>
  </si>
  <si>
    <t xml:space="preserve"> ３　重要な会計方針の変更</t>
    <phoneticPr fontId="2"/>
  </si>
  <si>
    <t xml:space="preserve"> ４　法人で採用する退職給付制度</t>
    <phoneticPr fontId="2"/>
  </si>
  <si>
    <t xml:space="preserve"> ５　法人が作成する計算書類と拠点区分、サービス区分</t>
    <phoneticPr fontId="2"/>
  </si>
  <si>
    <t xml:space="preserve"> ６　基本財産の増減の内容及び金額</t>
    <phoneticPr fontId="2"/>
  </si>
  <si>
    <t xml:space="preserve"> ８　担保に供している資産</t>
    <phoneticPr fontId="2"/>
  </si>
  <si>
    <t xml:space="preserve"> 12 関連当事者との取引の内容</t>
    <phoneticPr fontId="2"/>
  </si>
  <si>
    <t xml:space="preserve"> 13 重要な偶発債務</t>
    <phoneticPr fontId="2"/>
  </si>
  <si>
    <t xml:space="preserve"> 14 重要な後発事象</t>
    <phoneticPr fontId="2"/>
  </si>
  <si>
    <t xml:space="preserve"> 15 合併及び事業の譲渡若しくは事業の譲受け</t>
    <phoneticPr fontId="2"/>
  </si>
  <si>
    <t xml:space="preserve"> ７　基本金又は固定資産の売却若しくは処分に係る国庫補助
     金等特別積立金の取崩し</t>
    <phoneticPr fontId="2"/>
  </si>
  <si>
    <t xml:space="preserve"> ９　有形固定資産の取得価額、減価償却累計額及び当期末残
     高（貸借対照表上、間接法で表示している場合は記載不要）</t>
    <phoneticPr fontId="2"/>
  </si>
  <si>
    <t xml:space="preserve"> 10 債権の金額、徴収不能引当金の当期末残高、債権の当期
     末残高（貸借対照表上、間接法で表示している場合は記載
     不要）</t>
    <phoneticPr fontId="2"/>
  </si>
  <si>
    <t xml:space="preserve"> 16 その他社会福祉法人の資金収支及び純資産増減の状況並
      びに資産、負債及び純資産の状態を明らかにするために必
      要な事項</t>
    <phoneticPr fontId="2"/>
  </si>
  <si>
    <t>注記事項</t>
    <rPh sb="0" eb="2">
      <t>チュウキ</t>
    </rPh>
    <rPh sb="2" eb="4">
      <t>ジコウ</t>
    </rPh>
    <phoneticPr fontId="2"/>
  </si>
  <si>
    <t>　(3) 地方公共団体の長等特定の公職にある者が慣例的に理事長に就任したり、理
　　事として参加していないか。</t>
    <phoneticPr fontId="2"/>
  </si>
  <si>
    <t>関係書類</t>
    <rPh sb="2" eb="4">
      <t>ショルイ</t>
    </rPh>
    <phoneticPr fontId="4"/>
  </si>
  <si>
    <t>着　　　　　眼　　　　　点</t>
    <rPh sb="0" eb="1">
      <t>キ</t>
    </rPh>
    <rPh sb="6" eb="7">
      <t>メ</t>
    </rPh>
    <rPh sb="12" eb="13">
      <t>テン</t>
    </rPh>
    <phoneticPr fontId="2"/>
  </si>
  <si>
    <t>□評議員会の招集通知
□理事会の議事録
□評議員会の議事録
□評議員全員の同意が確認できる
   書類</t>
    <phoneticPr fontId="2"/>
  </si>
  <si>
    <t>□評議員会の議事録
□同意の意思表示の書面又は電
　 磁的記録</t>
    <rPh sb="23" eb="24">
      <t>デン</t>
    </rPh>
    <rPh sb="27" eb="28">
      <t>ジ</t>
    </rPh>
    <phoneticPr fontId="2"/>
  </si>
  <si>
    <t>□定款
□経理規程
□監事監査報告
□会計監査人による会計監査報告
□理事会の議事録
□評議員会の議事録 等</t>
    <phoneticPr fontId="2"/>
  </si>
  <si>
    <t>□理事の選任手続における関係
   書類（履歴書 等）
□役員等名簿
□理事会の議事録
□評議員会の議事録　　 等</t>
    <rPh sb="12" eb="14">
      <t>カンケイ</t>
    </rPh>
    <phoneticPr fontId="2"/>
  </si>
  <si>
    <t>□監事の選任手続における書類
   （履歴書、誓約書 等）
□役員等名簿
□理事会の議事録
□評議員会の議事録</t>
    <rPh sb="13" eb="14">
      <t>ルイ</t>
    </rPh>
    <phoneticPr fontId="2"/>
  </si>
  <si>
    <t>□監事の選任手続における書類
   （履歴書等）
□役員等名簿
□理事会の議事録
□評議員会の議事録</t>
    <rPh sb="13" eb="14">
      <t>ルイ</t>
    </rPh>
    <phoneticPr fontId="2"/>
  </si>
  <si>
    <t>□理事会の招集通知
□理事会の議事録
□招集通知を省略した場合の理事
   及び監事の全員の同意を証する
　 書類</t>
    <rPh sb="32" eb="34">
      <t>リジ</t>
    </rPh>
    <phoneticPr fontId="2"/>
  </si>
  <si>
    <t>□理事会の議事録
□理事に委任する事項を定める規
　 程　　等</t>
    <rPh sb="23" eb="24">
      <t>ノリ</t>
    </rPh>
    <phoneticPr fontId="2"/>
  </si>
  <si>
    <t>□定款
□理事会の議事録
□理事全員の同意の意思表示を
   記した書類</t>
    <rPh sb="31" eb="32">
      <t>シル</t>
    </rPh>
    <phoneticPr fontId="2"/>
  </si>
  <si>
    <t>□定款
□会計監査人の選任に関して検討
   を行った理事会議事録　　 等</t>
    <phoneticPr fontId="2"/>
  </si>
  <si>
    <t>□評議員会の議事録
□理事会の議事録
□監事の過半数の同意を証する
　 書類（理事会の議事録に記載が
   ない場合）
□会計監査人候補者の選定に関
   する書類</t>
    <phoneticPr fontId="2"/>
  </si>
  <si>
    <t>□会計監査報告
□会計監査人が会計監査報告を
   特定監事及び特定理事に通知
   した文書</t>
    <rPh sb="37" eb="39">
      <t>ツウチ</t>
    </rPh>
    <phoneticPr fontId="2"/>
  </si>
  <si>
    <t>□定款
□評議員会の議事録
□監事の報酬等の具体的な配分
   の決定が行われたこと及びその
　 決定内容を記録した書類</t>
    <rPh sb="27" eb="28">
      <t>ブン</t>
    </rPh>
    <phoneticPr fontId="2"/>
  </si>
  <si>
    <t>□理事会の議事録
□監事の過半数の同意を得たこと
   を証する書類</t>
    <phoneticPr fontId="2"/>
  </si>
  <si>
    <t>□定款
□法人の事業内容が確認できる
    書類（事業報告 等）</t>
    <phoneticPr fontId="2"/>
  </si>
  <si>
    <t>□計算書類及びその附属明細書</t>
    <phoneticPr fontId="2"/>
  </si>
  <si>
    <t>□計算書類
□収益事業の事業内容が確認で
　 きる書類（事業報告 等）</t>
    <phoneticPr fontId="2"/>
  </si>
  <si>
    <t>□理事会の議事録
□職員の任免に関する規程
□辞令又は職員の任免について
   確認できる書類</t>
    <phoneticPr fontId="2"/>
  </si>
  <si>
    <t>□資産の管理運用に関する規程
□理事会の議事録
□計算関係書類</t>
    <phoneticPr fontId="2"/>
  </si>
  <si>
    <t>□株式の保有及び取引の状況を
   確認できる書類</t>
    <phoneticPr fontId="2"/>
  </si>
  <si>
    <t>□経理規程
□業務分担を定めた規程　　等</t>
    <phoneticPr fontId="2"/>
  </si>
  <si>
    <t>□固定資産管理台帳
□時価評価の必要性の有無を判
　 定している法人作成資料
□時価評価に係る会計伝票　　等</t>
    <phoneticPr fontId="2"/>
  </si>
  <si>
    <t>□積立金・積立資産明細書（計算
   書類の附属明細書）
□その他の積立金の積み立て、
   取り崩しに係る伝票　　　等</t>
    <phoneticPr fontId="2"/>
  </si>
  <si>
    <t>□経理規程等に定められた会計
   帳簿
□計算書類
□固定資産管理台帳</t>
    <phoneticPr fontId="2"/>
  </si>
  <si>
    <t>○　相対的記載事項及び任意的記載事項の変更については、軽微な変更であっても所轄庁の認可が必要である。</t>
    <phoneticPr fontId="2"/>
  </si>
  <si>
    <t>○　法人の高い公益性に照らし、その事業の運営の透明性を確保するため、計算書類
　等と同様に、定款についても事務所への備置き及び公表が法人に義務付けられてい
　る。
○　定款の備え置き方法
　・ 主たる事務所：実際に備え置かれていること。
　・ 従たる事務所：実際に備え置かれているか、又はパソコンに電磁的記録が記録され
　　ていること。</t>
    <phoneticPr fontId="2"/>
  </si>
  <si>
    <t>○　インターネットの利用による公表
　　 原則として、法人（又は法人が加入する団体）のホームページへの掲載によるが、「社会福祉法人の財務諸表等
　電子開示システム」に記録する方法による届出を行い、内容が公表された場合には、インターネットの利用による
　公表が行われたものとみなされる（規則第10条第2項）。</t>
    <phoneticPr fontId="2"/>
  </si>
  <si>
    <t>○　公表の範囲については、個人の権利利益が害されるおそれがある部分（例：公表することにより個人又は利用者
　の安全に支障を来す恐れがある母子生活支援施設や女性自立支援施設等の所在地）を除く。</t>
    <phoneticPr fontId="2"/>
  </si>
  <si>
    <t>○　法人は、評議員の選任に当たり、次の確認を　
　行う必要がある。
　・評議員候補者が欠格事由に該当しないか
　・各評議員又は各役員と特殊の関係にないか
　・暴力団員等の反社会的勢力の者でないか</t>
    <phoneticPr fontId="2"/>
  </si>
  <si>
    <t>◎法第45条の28第3項、法
　第45条の29
◎規則第2条の40第2項</t>
    <rPh sb="1" eb="2">
      <t>ホウ</t>
    </rPh>
    <rPh sb="2" eb="3">
      <t>ダイ</t>
    </rPh>
    <rPh sb="5" eb="6">
      <t>ジョウ</t>
    </rPh>
    <rPh sb="9" eb="10">
      <t>ダイ</t>
    </rPh>
    <rPh sb="11" eb="12">
      <t>コウ</t>
    </rPh>
    <rPh sb="33" eb="34">
      <t>ダイ</t>
    </rPh>
    <rPh sb="35" eb="36">
      <t>コウ</t>
    </rPh>
    <phoneticPr fontId="2"/>
  </si>
  <si>
    <t>◎第45条の9第6項から第8
　項まで、同条第10項により
　準用される一般法人法第
　194条第1項、第195条</t>
    <phoneticPr fontId="2"/>
  </si>
  <si>
    <t>○　評議員会で決議を行うためには、議決に加わ
　ることができる評議員の過半数（定款で過半数を
　上回る割合を定めた場合にはその割合以上）の
　出席が必要である（法第45条の9第6項）。
　　なお、この「議決に加わることができる評議員」
　には、当該決議に特別の利害関係を有する評議
　員（法第45条の9第8項）は含まれない。</t>
    <rPh sb="43" eb="45">
      <t>ハンスウ</t>
    </rPh>
    <phoneticPr fontId="2"/>
  </si>
  <si>
    <t>○　普通決議（特別決議以外の決議）は、出席者の過半数（定款で過半数を上回る割合を定めた場合にはその割合
　以上）の賛成（法第45条の9第6項）をもって行う。</t>
    <phoneticPr fontId="2"/>
  </si>
  <si>
    <t>○　特別決議は、議決に加わることができる評議員の3分の2（定款で3分の2を上回る割合を定めた場合にはその割
　合）以上の賛成（法第45条の9第7項）をもって行う。
　　※　特別決議によって行われることが必要な議案
　　　① 監事の解任　　② 役員等の損害賠償責任の一部免除　　③ 定款変更　　④ 法人の解散
　　　⑤ 法人の合併契約の承認</t>
    <phoneticPr fontId="2"/>
  </si>
  <si>
    <t>○　法令上は、評議員会の議事録に、出席した評
　議員が署名又は記名押印をすることを必要とす
　る旨の規定はないが、議事録の内容が適正なも
　のであることを担保する観点から、定款に議事録
　署名人に関する規定を設けることが望ましい（定
　款例第14条参照）。</t>
    <phoneticPr fontId="2"/>
  </si>
  <si>
    <t>○　決算に際しては、毎会計年度終了後3か月以
　内に、計算関係書類（計算書類及びその附属明
　細書）及び財産目録（以下「計算関係書類等」と
　いう。）を作成し、所轄庁に提出しなければならな
　い（法第59条）。</t>
    <rPh sb="43" eb="44">
      <t>ゾク</t>
    </rPh>
    <phoneticPr fontId="2"/>
  </si>
  <si>
    <t>○　理事に定款に定めた員数の3分の1を超える欠員がある場合、「遅滞なく」補充の手続が進められているかは、当
　該法人において、理事候補者の選定、評議員会への理事の選任の議案提出、又は評議員会の開催等の理事選任
　に係る手続に関して、具体的な検討や実施がされているかが基準となる。</t>
    <rPh sb="52" eb="53">
      <t>トウ</t>
    </rPh>
    <phoneticPr fontId="2"/>
  </si>
  <si>
    <t>○　就任の承諾については、文書による確認（就
　任承諾書の徴収等）によって行う必要があり、当
　該文書は法人において保存される必要がある。</t>
    <phoneticPr fontId="2"/>
  </si>
  <si>
    <t>○　関係行政庁の職員が法人の理事となることは、法第61条に「国及び地方公共団体は法人の自主性を重んじ、不当な関与を行わないこと」
　　（第1項第2号）及び「法人が国及び地方公共団体に対して不当に管理的援助を求めないこと」（同項第3号）と規定し、公私分離の原則を定
　める趣旨に照らすと適当ではない。</t>
    <phoneticPr fontId="2"/>
  </si>
  <si>
    <t>○　理事の役割の重要性に鑑み、実際に理事会に参加できない者などが選任された結果、理事会を欠席することとなることは適当ではない。
　　 理事として不適当と判断される基準は、原則として以下のとおり。　
　　・前年度から当該年度までの間において、理事会を2回以上続けて欠席している者　
　　　（決議の省略を行った場合は、出席とみなして差し支えない。）</t>
    <phoneticPr fontId="2"/>
  </si>
  <si>
    <t xml:space="preserve">　（注1）「施設の管理者」については、当該法人が複数の施設を設置している場合は、全ての施設の管理者を理事と
       する必要があるものではなく、施設の管理者のうち1名以上が理事に選任されていれば足りる。
　　　　なお、この場合の「施設」とは、原則として、法第62条第1項の第1種社会福祉事業の経営のために設置した施
       設をいうが、第2種社会福祉事業であっても、保育所、就労移行支援事業所、就労継続支援事業所等が法人が
       経営する事業の中核である場合には、当該事業所等は同様に取扱う。
</t>
    <phoneticPr fontId="2"/>
  </si>
  <si>
    <t>○　監事に定款で定めた員数の3分の1を超える欠員がある場合、「遅滞なく」補充のための手続が進められているか
　は、当該法人において、監事候補者の選定、評議員会への監事の選任の議案提出、又は評議員会の開催等の監
　事選任に係る手続に関する具体的な検討や実施がされているかが基準となる。</t>
    <phoneticPr fontId="2"/>
  </si>
  <si>
    <r>
      <t>○　理事会が監事の選任に関する議案を評議員会
　に提出するためには、監事が理事の職務の執行
　（理事会の構成員として行う行為を含む。）を監査
　する立場にあることに鑑み、その独立性を確保す
　るため、</t>
    </r>
    <r>
      <rPr>
        <u/>
        <sz val="9"/>
        <color theme="1"/>
        <rFont val="ＭＳ Ｐゴシック"/>
        <family val="3"/>
        <charset val="128"/>
      </rPr>
      <t>監事の過半数（注）の同意</t>
    </r>
    <r>
      <rPr>
        <sz val="9"/>
        <color theme="1"/>
        <rFont val="ＭＳ Ｐゴシック"/>
        <family val="3"/>
        <charset val="128"/>
      </rPr>
      <t>を得なければ　
　ならない。（法第43条第3項により準用される一般
　法人法第72条第1項）
　（注）「監事の過半数」については、在任する監事
　　の過半数をいう。</t>
    </r>
    <phoneticPr fontId="2"/>
  </si>
  <si>
    <t>○　就任の承諾の有無については、監事の役割の重要性に鑑み、文書による確認（就任承諾書の徴収等）によって
　行う必要があり、当該文書は法人において保存される必要がある。</t>
    <phoneticPr fontId="2"/>
  </si>
  <si>
    <t>○　関係行政庁の職員が法人の監事となることは法第61条に「国及び地方公共団体は法人の自主性を重んじ、不当な関与を行わないこと」
　（第1項第2号）及び「法人が国及び地方公共団体に対して不当に管理的援助を求めないこと」（同項第3号）と規定し、公私分離の原則を定め
　る趣旨に照らすと適当ではない。</t>
    <phoneticPr fontId="2"/>
  </si>
  <si>
    <t xml:space="preserve">○　監事の役割の重要性に鑑み、実際に理事会に参加できない者などが選任された結果、理事会を欠席することとなることは適当ではない。　　　
　監事として不適当と判断される基準は、原則として以下のとおり。
　・前年度から当該年度までの間において理事会を2回以上続けて欠席している者
　　（決議の省略を行った場合は、出席とみなして差し支えない。）
</t>
    <phoneticPr fontId="2"/>
  </si>
  <si>
    <t>○　「社会福祉事業について識見を有する者」につ
　いての審査要領の記載（第3の（2））（注）は例示
　であって、それらの者に限定されるものではなく、
　また、それらの者が必ず含まれなければならない
　ものでもない。</t>
    <phoneticPr fontId="2"/>
  </si>
  <si>
    <t>（注）「社会福祉事業について識見を有する者」
　ア 社会福祉に関する教育を行う者 
　イ 社会福祉に関する研究を行う者 
　ウ 社会福祉事業又は社会福祉関係の行政に従
　　　事した経験を有する者
　エ 公認会計士、税理士、弁護士等、社会福祉事　　　　　　
　　  業の経営を行う上で必要かつ有益な専門知
       識を有する者</t>
    <phoneticPr fontId="2"/>
  </si>
  <si>
    <t>○　理事会の権限である法人の業務執行の決定
　（法第45条の13第2項第1号）を、理事長等に委任
　することはできるが、法人運営に関する重要な事
　項及び理事（特に理事長や業務執行理事）の職
　務の執行の監督に必要な事項（注1）等について
　は、理事会で決定されなければならず、理事長等
　にその権限を委任することはできない（法第45条
　の13第4項）。</t>
    <phoneticPr fontId="2"/>
  </si>
  <si>
    <t>○　理事に委任することができない上記事項のうち、①「重要」な財産、②「多額」の借財、③「重要な役割」を担う職
　員、④「重要な組織」の範囲については、法人が実施する事業の内容や規模等に応じて、法人の判断として理事会
　で決定されるべきものであるが、理事に委任されている範囲を明確にするため、金額、役職又は役割、組織が行う
　業務等を具体的に決定すべきである。</t>
    <phoneticPr fontId="2"/>
  </si>
  <si>
    <t>○　議事録の記載事項
　① 理事会が開催された日時及び場所（当該場所
　　に存しない理事、監事又は会計監査人が理事
　　会に出席した場合における当該出席の方法
　　（例：テレビ会議）を含む。）</t>
    <phoneticPr fontId="2"/>
  </si>
  <si>
    <t>　（注）定款例第24条においては、「日常の業務として理事会が定めるものについては、理事長が専決し、これを理事
　　会に報告する」とされており、法人において定款にこの規定を設ける場合には、「理事会が定めるもの」として専決
　　規程等の規程を定めることとなる。なお、理事会において、専決規程等理事に委任する範囲を定めない場合に
　　は、全ての借入れに理事会の決議が必要となる。</t>
    <phoneticPr fontId="2"/>
  </si>
  <si>
    <t>○　法人は定款の定めによって、会計監査人を設
　置することができる（法第36条第2項）。
　　 定款に会計監査人を設置することを定めた法
　人（会計監査人設置法人）は、会計監査人を設置
　しなければならない。</t>
    <phoneticPr fontId="2"/>
  </si>
  <si>
    <t>○　会計監査人の設置を定款に定めた法人は、会
　計監査人として、公認会計士又は監査法人を評
　議員会において選任する（法第43条第1項、法第
　45条の2第1項）。
○　評議員会で会計監査人の選任を行う際は、理　
　事会が特定の公認会計士又は監査法人を会計
　監査人候補者として、会計監査人の選任に関す
　る議案を評議員会に提出することとなる。</t>
    <phoneticPr fontId="2"/>
  </si>
  <si>
    <t>　③ 追記情報
　　ⅰ　継続事業の前提に関する事項の注記に係
　　　　 る事項
　　ⅱ　会計方針の変更
　　ⅲ　重要な偶発事象
　　ⅳ　重要な後発事象
　④ 会計監査報告を作成した日</t>
    <phoneticPr fontId="2"/>
  </si>
  <si>
    <t>○　理事の報酬等の額は、定款にその額を定めて　
　いない場合には、評議員会の決議によって定め
　る。</t>
    <phoneticPr fontId="2"/>
  </si>
  <si>
    <t>○　評議員の報酬等については、定款で定められ
　た額及び報酬等の支給基準に従って支給される
　必要がある。
　　また、役員の報酬等については、定款又は評議
　員会の決議により定められた額及び報酬等の支
　給基準に従って支給される必要がある。</t>
    <phoneticPr fontId="2"/>
  </si>
  <si>
    <t>○　法人運営の透明性を確保する観点から、役員
　及び評議員の報酬等については、理事、監事及
　び評議員の区分毎にその総額を現況報告書に
　記載の上、公表する。</t>
    <phoneticPr fontId="2"/>
  </si>
  <si>
    <t xml:space="preserve">○　理事の報酬等の総額については、職員を兼務　　
　しており、職員給与を受けている者がいる場合
　は、その職員給与も含めて公表する。
　　ただし、職員給与を受けている理事が1人であ
　って、個人の職員給与が特定されてしまう場合に
　は、職員給与を受けている理事がいる旨を明記
　した上で、当該理事の職員給与額を含めずに理
　事の報酬等の総額として公表することとして差し
　支えない。
</t>
    <phoneticPr fontId="2"/>
  </si>
  <si>
    <t>○　法人は、社会福祉事業（注1）を行うことを目的
　として設立されるものであることから（法第22条）、
　社会福祉事業が法人の行う事業のうちの主たる
　地位を占めることが必要である。</t>
    <phoneticPr fontId="2"/>
  </si>
  <si>
    <t>○　法人は、社会福祉事業の主たる担い手として
　当該事業を安定的・継続的に経営していくことが
　求められるものであることから、確固とした経営基
　盤を有していることが必要であり、社会福祉事業
　を行うために必要な資産を備えておかなければ
　ならない（法第25条）。</t>
    <phoneticPr fontId="2"/>
  </si>
  <si>
    <t>○　全ての社会福祉施設の用に供する不動産について国又は地方公共団体から貸与又は使用許可を受けている法
　人は、1000万円（平成12年11月30日以前に設立された法人の場合には、100万円）以上に相当する資産（現金、預
　金、確実な有価証券又は不動産に限る。以下同じ。）を基本財産として有していなければならない（審査基準第2の2
　の（1）のイ但書）。</t>
    <phoneticPr fontId="2"/>
  </si>
  <si>
    <t>○　社会福祉施設を経営しない法人（社会福祉協議会及び共同募金会を除く。）は、社会福祉施設を経営する法人に
　比し、設立後の収入に安定性を欠くものと考えられるため、設立時にその後の事業継続を可能とする財政基盤を有
　する必要があり、原則として1億円以上の資産を基本財産として有していなければならない。ただし、委託費等で事
　業継続に必要な収入が安定的に見込める場合については、当該法人の基本財産は当該法人の安定的運営が図ら
　れるものとして所轄庁が認める額の資産とすることができる（審査基準第2の2の（1）のウ）。</t>
    <phoneticPr fontId="2"/>
  </si>
  <si>
    <t>○　公益事業については、その会計を社会福祉事業に関する会計から区分し、特別の会計として経理しなければなら
　ない（法第26条第2項）。
　　この「特別の会計として経理」することとは、公益事業に係る事業区分を設定し、社会福祉事業や収益事業と区分
　して会計処理をする（会計省令第7条第2項第1号）ことをいう。</t>
    <phoneticPr fontId="2"/>
  </si>
  <si>
    <t>　</t>
    <phoneticPr fontId="2"/>
  </si>
  <si>
    <t>○　法人は、その経営する社会福祉事業に支障が
　ない限り、収益を社会福祉事業又は令第13条各
　号に掲げる公益事業（以下「特定公益事業」とい
　う。注1）の経営に充てることを目的とする収益事
　業を行うことができる。
　　なお、法人が収益事業を実施する場合には、こ
　の目的を明らかにするため、定款において、その
　旨を定めるべきである。</t>
    <phoneticPr fontId="2"/>
  </si>
  <si>
    <t>（注1）【特定公益事業（令第13条）】
　① 法第2条第4項第4号に掲げる事業（事業規模要件を満たさないために社会福祉事業に含まれない事業）
　② 介護保険法に規定する居宅サービス事業、地域密着型サービス事業、居宅介護支援事業、介護予防サービス
　　　事業又は介護予防支援事業（社会福祉事業であるものを除く。）
　③ 介護老人保健施設又は介護医療院を経営する事業
　④ 社会福祉士及び介護福祉士法に規定する社会福祉士養成施設又は介護福祉士養成施設等を経営する事業
　⑤ 精神保健福祉士法に規定する精神保健福祉士養成施設を経営する事業
　⑥ 児童福祉法に規定する指定保育士養成施設を経営する事業
　⑦ 社会福祉事業と密接な関連を有する事業であって、当該事業を実施することによって社会福祉の増進に資する
　　　ものとして、所轄庁が認めるもの（平成14年厚生労働省告示第283号）</t>
    <phoneticPr fontId="2"/>
  </si>
  <si>
    <t>○　法人が公益事業又は収益事業を行う場合は、原則として、事業の用に供する資産を、それぞれ公益事業用財産
　又は収益事業用財産として他の財産と明確に区分して管理する必要がある。</t>
    <phoneticPr fontId="2"/>
  </si>
  <si>
    <t>○　法人は、原則として、社会福祉事業を行うため
　に直接必要な全ての物件について所有権を有
　し、その権利の保全のために登記をしていること
　又は国若しくは地方公共団体から貸与若しくは
　使用許可を受けていることが必要である。
　　なお、都市部等土地の取得が極めて困難な地
　域等における施設や、個別に定める（注1）事業
　の用に供する不動産については、不動産の全部
　若しくは一部を国若しくは地方公共団体以外の者
　から貸与を受けることとして差し支えないが、この
　場合には、事業の存続に必要な期間の地上権又
　は賃借権を設定し、かつ、これを登記しなければ
　ならない（注2）。</t>
    <phoneticPr fontId="2"/>
  </si>
  <si>
    <t>○　社会福祉施設を経営する事業を目的として定款に定めている法人にとって、その所有する社会福祉施設の用に
　供する不動産は、当該事業の実施のために必要不可欠なものであり、法人存立の基礎となるものであることから、
　基本財産として、その全ての物件について定款に定めるとともに、その処分又は担保提供を行う際には、所轄庁の
　承認を受けることを定款に明記しておく必要がある（審査基準第2の2（1）のア、イ）。</t>
    <phoneticPr fontId="2"/>
  </si>
  <si>
    <t>○　基本財産（社会福祉施設を経営する法人にあっては、社会福祉施設の用に供する不動産を除く。）の管理運用
　は、安全、確実な方法、すなわち元本が確実に回収できるほか、固定資産としての常識的な運用益が得られ、又は
　利用価値を生ずる方法で行う必要があり、次のような財産又は方法で管理運用することは、適当ではない（審査基
　準第2の3の（1））。
　　ただし、所轄庁が法人の規模や財務状況を踏まえ、当該管理運用方法について、安全、確実な方法によることに
　準ずるものと認める場合及び法人が法令、定款等に定めるところにより、社会福祉事業としての貸付を行う場合は
　この限りではない。
　　① 価格の変動が著しい財産（株式、株式投資信託、金、外貨建債券等）
　　② 客観的評価が困難な財産（美術品、骨董品等）
　　③ 減価する財産（建築物、建造物等減価償却資産）
　　④ 回収が困難になるおそれのある方法（融資）</t>
    <phoneticPr fontId="2"/>
  </si>
  <si>
    <t>○　基本財産以外の資産（その他財産、公益事業
　用財産、収益事業用財産）の管理運用にあたっ
　ても、法人の高い公益性、非営利性に鑑みると
　法人の裁量が無限定に認められるものと解すべ
　きではなく、安全、確実な方法で行われることが
　望ましい。</t>
    <phoneticPr fontId="2"/>
  </si>
  <si>
    <t>　　また、一定の要件を満たすことにより、都市部等の地域以外においても、不動産の全部若しくは一部を国若しくは
　地方公共団体以外の者から貸与を受けることが認められているが、この場合も、一定期間の地上権又は賃借権を
　設定し、かつ、これを登記しなければならない。ただし、通所施設について、一定の要件を満たす場合は、地上権又
　は賃借権の登記を要さない場合がある。</t>
    <phoneticPr fontId="2"/>
  </si>
  <si>
    <t>○　経理規程においては、法令等及び定款に定め
　るもの（注1）の他、法人が会計処理を行うために
　必要な事項（予算・決算の手続、会計帳簿の整
　備、会計処理の体制及び手続、資産及び負債の
　管理や評価、契約に関する事項等）について定め
　るものであり、法人における会計面の業務執行に
　関する基本的な取扱いを定めるものとして、法人
　の定款（注2）において、経理規程を定める旨及び
　その策定に関する手続等について定めておくべき
　ものである。</t>
    <phoneticPr fontId="2"/>
  </si>
  <si>
    <t>　　また、経理規程に定める事務処理を行うために
　必要な細則等を定めるとともに、経理規程やその
　細則等を遵守することが求められる。</t>
    <phoneticPr fontId="2"/>
  </si>
  <si>
    <t>　（注1）経理規程を定めるに当たって関係する法令
　　　又は通知には、会計省令、運用上の取扱い、
　　　留意事項等の他、入札通知等がある。</t>
    <phoneticPr fontId="2"/>
  </si>
  <si>
    <t>　（注2）定款例第34条では、法人の会計に関して
　　　は、法令等及び定款に定めのあるもののほ
　　　か、理事会で定める経理規程により処理する
　　　としている。</t>
    <phoneticPr fontId="2"/>
  </si>
  <si>
    <t>○　各拠点区分については、その実施する事業が社会福祉事業、公益事業、収益事業のいずれであるかにより、属
　する事業区分を決定する。社会福祉事業、公益事業又は収益事業は、別の拠点区分とすることが原則であるが、
　社会福祉事業と一体的に実施されている公益事業については、当該社会福祉事業と同一の拠点区分とすることが
　できる。</t>
    <phoneticPr fontId="2"/>
  </si>
  <si>
    <t>○　拠点において、複数の事業を実施する場合等
　であって、法令等の要請によりそれぞれの事業
　ごとの事業活動状況又は資金収支状況の把握
　が必要な場合には、事業の内容に応じて区分す
　るために、サービス区分（注）を設けなければなら
　ない。</t>
    <phoneticPr fontId="2"/>
  </si>
  <si>
    <t>○　計算書類の作成は次のとおり行う。
　 ・記載する金額は、原則として総額をもって、かつ、1円単位で表示する。
   ・計算書類の様式は、会計省令に定めるところ（第1号第1様式から第3号第4様式まで）による。
   ・各号第2様式については、事業区分が社会福祉事業のみの法人は省略可能であり、各号第3様式については、
     当該事業区分に拠点区分が一つである場合は省略可能である。
   ・各号第4様式については、各拠点区分に作成しなければならない。
   ・計算書類の様式には勘定科目が大区分、中区分、小区分の別に規定されている。法人において必要がない科目
     の省略や適切な科目がないと考えられる場合の追加の取扱いについては、様式ごと、区分ごとに定められてい
     る。
       なお、「○○収入」というような科目名が特定されていない勘定科目については、法人がその内容を示す科目名
     を記載することができる。また、該当する取引が制度上認められていない事業種別では当該勘定科目を使用する
     ことができない。</t>
    <phoneticPr fontId="2"/>
  </si>
  <si>
    <t>○　資金収支計算書の前期末支払資金残高は貸
  借対照表の前年度末支払資金残高と一致する。</t>
    <phoneticPr fontId="2"/>
  </si>
  <si>
    <t>○　法人は、毎年度、全ての収入及び支出につい
  て予算を編成し、資金収支予算書を作成した上
  で、その予算に基づいて事業活動を行うものとす
  る。
　　また、資金収支予算書は、事業計画をもとに、
  各拠点区分に資金収支計算書の勘定科目に準
  拠して作成する（留意事項2の（1）、（2））。</t>
    <phoneticPr fontId="2"/>
  </si>
  <si>
    <t>○　資金収支予算書の作成に関する手続は法定されていないが、収入支出予算の編成は法人の運営に関する重要
  事項であり、定款において、その作成及び承認に関して定めておくべきである（注1）。
　（注1）定款例第31条第1項では、毎会計年度開始の日の前日までに、予算は理事長が作成し、
　　（例1）理事会の承認
　　（例2）理事会の決議を経て、評議員会の承認
　を受けなければならないとしている。
　※ 定款において、予算を評議員会の承認事項とすることは、租税特別措置法第40条の適用を受ける場合の要件と
    されているため、同条の適用を受けようとする法人は、例2の規定とする必要がある。</t>
    <phoneticPr fontId="2"/>
  </si>
  <si>
    <t>○　事業活動計算書の次期繰越活動増減差額と
  貸借対照表の次期繰越活動増減差額は一致す
  る。
　　また、事業活動計算書の当期活動増減差額と
  貸借対照表の「（うち当期活動増減差額）」は一
  致する。</t>
    <phoneticPr fontId="2"/>
  </si>
  <si>
    <t>○　収益は、原則として、物品の販売又はサービス
  の提供等を行い、かつこれに対する現金及び預
  金、未収金等を取得したときに計上され（実現主
  義）、費用は原則として費用の発生原因となる取
  引が発生したとき又はサービスの提供を受けたと
  きに計上される（発生主義）。</t>
    <phoneticPr fontId="2"/>
  </si>
  <si>
    <t>○　事業活動計算から、前払費用及び前受収益は除き、未払費用及び未収収益は加える。経過勘定項目（未払費
　用、未収収益、前払費用、前受収益）が設定されていない場合は、適切な会計期間に計上されていない可能性が
　ある。なお、経過勘定項目にも重要性の原則の適用がある。</t>
    <phoneticPr fontId="2"/>
  </si>
  <si>
    <t>○　経常経費に対する寄附物品は、取得時の時価
　により、経常経費寄附金収入及び経常経費寄附
　金収益に計上される。</t>
    <phoneticPr fontId="2"/>
  </si>
  <si>
    <t>○　土地などの支払資金の増減に影響しない寄附物品は、取得時の時価により、事業活動計算書の固定資産受贈
　額として計上され、資金収支計算書には計上されない。</t>
    <phoneticPr fontId="2"/>
  </si>
  <si>
    <t>○　共同募金からの配分金は、その配分金の内容に基づき適切な勘定科目に計上され、このうち基本金又は国庫補
　助金等特別積立金に組み入れるべきものは適切に組み入れる。</t>
    <phoneticPr fontId="2"/>
  </si>
  <si>
    <t>○　貸借対照表の純資産の部と財産目録の差引
　純資産は一致する。</t>
    <phoneticPr fontId="2"/>
  </si>
  <si>
    <t>○　貸借対照表及び財産目録は、法人の資産及び
　負債について、勘定科目ごとにその価額を表示す
　るものであり、会計基準においては、法人の資産
　及び負債の評価の方法を規定している。</t>
    <phoneticPr fontId="2"/>
  </si>
  <si>
    <t>○　法人の資産の評価については、法人が結果に
　ついての責任を有する。</t>
    <phoneticPr fontId="2"/>
  </si>
  <si>
    <t>○　計算書類及び財産目録に計上している資産は
　実在していること。</t>
    <phoneticPr fontId="2"/>
  </si>
  <si>
    <t>○　会計基準において、資産を取得した場合の評
　価は次のとおり。
　・ 原則として会計帳簿にその取得価額を付さなけ
　　ればならない。なお、取得価額には、資産を取
　　得した際に要した手数料等の付随費用も含む。
　・ 通常要する価額と比較して著しく低い価額で取
　　得した資産又は贈与された資産の評価は、取得
　　又は贈与の時における当該資産の取得のため
　　に通常要する価額をもって行う。
　・ 交換により取得した資産の評価は、交換に対し
　　て提供した資産の帳簿価額をもって行う。</t>
    <phoneticPr fontId="2"/>
  </si>
  <si>
    <t>○　減価償却計算については、有形固定資産については、定額法又は定率法のいずれかの方法により、ソフトウエア
　等の無形固定資産については、定額法により償却計算を行う。</t>
    <phoneticPr fontId="2"/>
  </si>
  <si>
    <t>○　減価償却期間が終了している資産については、資産の種別及び取得時期に応じて、残存価額を次のとおり計上
　する。
　　・ 平成19年3月31日以前に取得した有形固定資産は取得価額の10%を残存価額とする。ただし、耐用年数到来時
　　　においても使用し続けている有形固定資産については、さらに、減価償却期間が終了していることを示す備忘価
　　　額（1円）まで償却を行うことが可能である。
　　・ 平成19年4月1日以降に取得した有形固定資産は償却計算を実施するための残存価額はゼロとし、償却累計額
　　　が当該資産の取得価額から備忘価額（1円）を控除した金額に達するまで償却する。
　　・ 無形固定資産は取得時期にかかわらず、残存価額はゼロとする。</t>
    <phoneticPr fontId="2"/>
  </si>
  <si>
    <t>○　各資産の耐用年数については、原則として「減価償却資産の耐用年数等に関する省令」（昭和40年大蔵省令第
　15号）により、適用する償却率等は留意事項別添2（減価償却資産の償却率、改定償却率及び保証率表）による。</t>
    <phoneticPr fontId="2"/>
  </si>
  <si>
    <t>○　減価償却計算は、原則として、1年を単位として行うが、年度の中途で取得又は売却・廃棄した減価償却資産につ
　いては、月を単位（月数は暦に従って計算し、1か月に満たない端数を生じた時はこれを1か月とする）として計算を行
　う。</t>
    <phoneticPr fontId="2"/>
  </si>
  <si>
    <t>○　法人の資産を適正に表示するため、会計年度
　の末日における時価がその時の取得価額より著
　しく低い資産については、当該資産の時価がその
　時の取得価額まで回復すると認められる場合を
　除き、時価を付す（時価評価を行う）必要がある。</t>
    <phoneticPr fontId="2"/>
  </si>
  <si>
    <t>○　有価証券の評価については、満期保有目的の
　債券（満期まで所有する意図をもって保有する債
　券をいう。）以外の有価証券のうち市場価格のあ
　るものは、会計年度の末日においてその時の時
　価を付する。
　　一方、満期保有目的の債券は、債券金額より
　低い価額又は高い価額で取得した場合におい
　て、取得価額と債券金額との差額の性格が金利
　の調整と認められるときは、償却原価法に基づい
　て算定された価額をもって貸借対照表価額とす
　る。</t>
    <phoneticPr fontId="2"/>
  </si>
  <si>
    <t>○ 棚卸資産（貯蔵品、医薬品、診療・療養費等材
　料、給食用材料、商品・製品、仕掛品、原材料等）
　は、数量と単価により評価される。</t>
    <phoneticPr fontId="2"/>
  </si>
  <si>
    <t>○ 単価については、会計年度末における時価がそ
　の時の取得原価より低いときは、時価を付してい
　るかを確認する。この場合の「時価」とは、公正な
　評価額をいい、市場価格に基づく価額をいう。</t>
    <phoneticPr fontId="2"/>
  </si>
  <si>
    <t>○　負債のうち、債務は原則として債務額で計上さ
　れる。資金繰りが悪化し、借入金の利息を支払っ
　ていない場合も当該利息を債務に計上する必要
　がある。</t>
    <phoneticPr fontId="2"/>
  </si>
  <si>
    <t>○　引当金は、当該引当金の残高を貸借対照表の負債の部に計上又は資産の部に控除項目として記載するもので
　あり、原則として、引当金のうち賞与引当金のように通常1年以内に使用される見込みのものは流動負債に計上し、
　退職給付引当金のように通常1年を超えて使用される見込みのものは固定負債に計上する。</t>
    <phoneticPr fontId="2"/>
  </si>
  <si>
    <t>○　徴収不能引当金は、原則として、毎会計年度
　末において徴収することが不可能な債権（事業未
　収金、未収金、受取手形、貸付金等）を個別に判
　断し、当該債権を徴収不能引当金に計上する方
　法（以下「個別法」という。）によるとともに、これら
　の債権について、過去の徴収不能額の発生割合
　に応じた金額を計上する方法（以下「一括法」とい
　う。）によるものであり、徴収不能引当金は、貸借
　対照表において金銭債権から控除する形で表示
　する。</t>
    <phoneticPr fontId="2"/>
  </si>
  <si>
    <t>　　なお、一括法については、過去の貸倒実績率による徴収不能額の見積もりについては、客観的根拠に基づき算定
　されるべきであり、過去に貸倒の実績（日常的取引に係る債権や福祉サービス等の利用者負担額に係る債権等で
　あって、少額であるため貸倒れによる法人の財務状況への影響が軽微な債権に係るものを除く。）を有する法人は、
　経理規程等で見積もりの方法を定めておくことが望ましい。
　　この場合は経理規程等に基づく方法により徴収不能引当金を計上することが求められる。</t>
    <phoneticPr fontId="2"/>
  </si>
  <si>
    <t>○　賞与引当金は、法人と職員との雇用関係に基
　づき、毎月の給料の他に賞与を支給する場合に
　おいて、翌期に支給する職員の賞与のうち支給
　対象期間が当期に帰属する支給見込額を計上す
　る。</t>
    <phoneticPr fontId="2"/>
  </si>
  <si>
    <t>○　重要性が乏しいことを理由に賞与引当金が計
　上されていない場合、重要性が乏しいと判断する
　理由が必要である。</t>
    <phoneticPr fontId="2"/>
  </si>
  <si>
    <t>○　退職給付引当金は、職員に対し退職金を支給
　することが定められている場合に、将来支給する
　退職金のうち当該会計年度の負担に属すべき金
　額を当該会計年度の費用に計上し、負債として認
　識すべき残高を計上する。
　　ただし、退職給付の対象となる職員数が300人
　未満の法人のほか、職員数が300人以上であっ
　ても、年齢や勤務期間に偏りがあるなどにより数
　理計算結果に一定の高い水準の信頼性が得られ
　ない法人や原則的な方法により算定した場合の
　額と期末要支給額との差異に重要性が乏しいと
　考えられる法人においては、退職一時金に係る
　債務について期末要支給額により算定することが
　できる。</t>
    <phoneticPr fontId="2"/>
  </si>
  <si>
    <t>○　貸借対照表に計上する純資産については、会
　計基準において、基本金、国庫補助金等特別積
　立金、その他の積立金及び次期繰越活動増減
　差額が定められている。
　　純資産については、基本金を元に行われる法
　人設立以降の法人の事業活動の結果としての財
　産の増減を示すものとして貸借対照表に表示され
　るものであり、これらについては、会計基準に従
　い、貸借対照表に適正に計上される必要がある。</t>
    <phoneticPr fontId="2"/>
  </si>
  <si>
    <t>○　基本金への組入れは、同項に規定する寄附金を事業活動計算書の特別収益に計上した後、その収益に相当す
　る額を基本金組入額として特別費用に計上して行う。</t>
    <phoneticPr fontId="2"/>
  </si>
  <si>
    <t>○　地方公共団体等から無償又は低廉な価額により譲渡された土地、建物の評価額は、寄附金とせずに、国庫補助
　金等に含めて取り扱う。</t>
    <phoneticPr fontId="2"/>
  </si>
  <si>
    <t>　（注2）就労支援事業に係る工賃変動積立金及び設備等整備積立金の取扱いについては、会計基準において取扱
　　　　いが定められている。</t>
    <phoneticPr fontId="2"/>
  </si>
  <si>
    <t>○　その他の積立金を計上する際は、積立ての目的を示す名称を付して、同額の積立資産を積み立てること、また、
　積立金に対応する積立資産を取崩す場合には、当該積立金を同額取崩すこと。</t>
    <phoneticPr fontId="2"/>
  </si>
  <si>
    <t>○　法人は、原則として、会計帳簿として各拠点区
　分に仕訳日記帳及び総勘定元帳を作成し、備え
　置き、これらの会計帳簿及び必要な補助簿の作
　成について経理規程等に定めることが求められ
　る。
　　また、会計帳簿は書面又は電磁的記録をもって
　作成し、法人は、会計帳簿の閉鎖の時から10年
　間、その会計帳簿及びその事業に関する重要な
　資料を保存しなければならない（法第45条の24）。</t>
    <phoneticPr fontId="2"/>
  </si>
  <si>
    <t>○　固定資産の管理については、固定資産管理台
　帳を作成し、基本財産（有形固定資産）及びその
　他の固定資産（有形固定資産及び無形固定資
　産）に関する個々の資産の管理を行わなければ
　ならない。</t>
    <phoneticPr fontId="2"/>
  </si>
  <si>
    <t>○　法人は、会計帳簿に基づき計算書類を作成す
　ることとされており、計算書類における各勘定科
　目の金額は総勘定元帳等の金額と一致していな
　ければならない。</t>
    <phoneticPr fontId="2"/>
  </si>
  <si>
    <t>○　附属明細書は計算書類の内容を補足する重要な事項を表示するものであり、計算書類における金額と一致 して
　いなければならない。</t>
    <phoneticPr fontId="2"/>
  </si>
  <si>
    <t>○　財産目録は、法人の全ての資産及び負債について、貸借対照表価額を表示するものであり、貸借対照表と整合
　がとれているものでなければならない。
　　 具体的には、貸借対照表科目と貸借対照表価額が、法人単位貸借対照表と一致していなければならないもので
　あり、また、各合計欄（流動資産合計、基本財産合計、その他の固定資産合計、固定資産合計、資産合計、流動負
　債合計、固定負債合計、負債合計、差引純資産）についても、法人単位貸借対照表と一致していなければならない。
　　 なお、法人単位貸借対照表における勘定科目の金額を財産目録において拠点区分毎等に分けて記載した場合
　は小計欄と一致していなければならない。</t>
    <phoneticPr fontId="2"/>
  </si>
  <si>
    <t>○　法人は、公益性が高い法人として公費の投入
　や税制優遇を受けていることから、当該法人の評
　議員、理事、監事、職員その他の関係者に対して
　特別の利益を与えてはならない（法第27条）。</t>
    <phoneticPr fontId="2"/>
  </si>
  <si>
    <t>○　第三者評価の受審等については、実施しないことが法令等に違反するものではないが、法人は社会福祉事業の
　主な担い手として、その事業の質の向上を図り、適切なサービスを提供するための取組として積極的に行うべきもの
　であって、実施要綱3の（3）においても、監査周期の延長に関する判断基準の一つとされている。</t>
    <phoneticPr fontId="2"/>
  </si>
  <si>
    <t>○　法人は、その主たる事務所の所在地において
　設立の登記をすることによって成立する（法第34
　条）こととされている。</t>
    <phoneticPr fontId="2"/>
  </si>
  <si>
    <t>○　登記事項の変更がある場合は、政令に定めるところ（注1、注2）により、変更の登記をしなければならない（法第
　29条第1項）。</t>
    <rPh sb="53" eb="54">
      <t>ダイ</t>
    </rPh>
    <phoneticPr fontId="2"/>
  </si>
  <si>
    <t>　（注1）政令に定める登記事項（組合等登記令第2条及び別表）
　　　① 目的及び業務
　　　② 名称
　　　③ 事務所の所在場所
　　　④ 代表権を有する者（注3）の氏名、住所及び資格
　　　⑤ 存続期間又は解散の事由を定めたときは、その期間又は事由
　　　⑥ 資産の総額
　（注2）変更登記の期限（組合等登記令第3条）
　　　・資産の総額以外の登記事項の変更については、変更が生じたときから2週間以内
　　　・資産の総額については、毎事業年度の末日から3月以内（毎年度6月末まで）
　（注3）法人の代表権を有する者は理事長のみであり、平成28年改正法施行前に、複数の理事が代表者として登記
　　　されていた法人にあっては、平成28年改正後施行後に理事長を選任した後、理事長以外の理事は代表権を有し
　　　ないこととなり（平成28年改正法附則第15条）、理事長以外の代表者登記は抹消しなければならない。</t>
    <phoneticPr fontId="2"/>
  </si>
  <si>
    <t>○　理事長が契約について、職員に委任する場合
　には経理規程等によりその範囲を明確に定める
　必要がある。</t>
    <phoneticPr fontId="2"/>
  </si>
  <si>
    <t>○　随意契約を行っている場合は、入札通知に規
　定する随意契約に関する基準に基づき適正に行
　われている必要がある。</t>
    <phoneticPr fontId="2"/>
  </si>
  <si>
    <t>◎法第40条第1項、第2項、
   第4項、第5項、第61条第
    1項
◎審査基準第3の1の
   (1)、(3)、(4)、(5)、(6)</t>
    <phoneticPr fontId="2"/>
  </si>
  <si>
    <t>◎法第45条の9第1項、同条
   第10項により準用される
   一般法人法第181条、
   第182条、法第45 条の29
◎規則第2条の12</t>
    <phoneticPr fontId="2"/>
  </si>
  <si>
    <t>◎法第45条の9第10項によ
　　り準用される一般法人法
  　第194条第1項、第2項、　
　　法第45条の11第1項から
　　第3項まで
◎規則第2条の15</t>
    <phoneticPr fontId="2"/>
  </si>
  <si>
    <t>◎法第43条第1項、第45条
   の4</t>
    <phoneticPr fontId="2"/>
  </si>
  <si>
    <t>◎法第45条の13第3項、
   第45条の16第2項</t>
    <rPh sb="17" eb="18">
      <t>ダイ</t>
    </rPh>
    <rPh sb="20" eb="21">
      <t>ジョウ</t>
    </rPh>
    <rPh sb="24" eb="25">
      <t>ダイ</t>
    </rPh>
    <rPh sb="26" eb="27">
      <t>コウ</t>
    </rPh>
    <phoneticPr fontId="2"/>
  </si>
  <si>
    <t>◎法第44条第3項、第45条
   の7第2項による第1項の
   準用</t>
    <phoneticPr fontId="2"/>
  </si>
  <si>
    <t>◎法第43条第１項、同条第3
   項により準用される一般
   法人法第72条第1項、法
   第45条の4第1項、第45
   条の9第7項第1号</t>
    <phoneticPr fontId="2"/>
  </si>
  <si>
    <t>◎法第45条の18第3項によ
    り準用される一般法人法
    第100条から第102条ま
    で</t>
    <phoneticPr fontId="2"/>
  </si>
  <si>
    <t>◎法第45条の14第4項、第5
   項</t>
    <phoneticPr fontId="2"/>
  </si>
  <si>
    <t>◎法第45条の19第1項、第2
   項</t>
    <phoneticPr fontId="2"/>
  </si>
  <si>
    <t>◎法第45条の16第4項によ
    り準用される一般法人法
    第89条</t>
    <phoneticPr fontId="2"/>
  </si>
  <si>
    <t>◎法第45条の18第3項によ
    り準用される一般法人法
    第105条第1項、第2項</t>
    <phoneticPr fontId="2"/>
  </si>
  <si>
    <t>◎法第45条の19第6項によ
   り準用される一般法人法
   第110条</t>
    <phoneticPr fontId="2"/>
  </si>
  <si>
    <t>◎法第45条の35第1項、第2
   項
◎規則第2条の42</t>
    <phoneticPr fontId="2"/>
  </si>
  <si>
    <t>◎法第59条の2第1項第2号
◎規則第10条</t>
    <phoneticPr fontId="2"/>
  </si>
  <si>
    <t>◎審査基準第1の3の(2)、
　　(4)、(5)
◎審査要領第1の3の(2)、
　　(3)</t>
    <phoneticPr fontId="2"/>
  </si>
  <si>
    <t>◎法第45条の13第4項第3
　 号</t>
    <phoneticPr fontId="2"/>
  </si>
  <si>
    <t>◎会計省令第31条から第34
   条まで
◎運用上の取扱い26、別紙
    4</t>
    <phoneticPr fontId="2"/>
  </si>
  <si>
    <t>○　定款については、定款例の文言の全てに法人
　が拘束されるものではなくなったことに留意</t>
    <phoneticPr fontId="2"/>
  </si>
  <si>
    <t>○　定款は法人の基本的事項を定めるものである
　ことから、その変更は評議員会の特別決議をもっ
　て行い、所轄庁の認可又は所轄庁への届出が必
　要とされる。
　</t>
    <rPh sb="68" eb="69">
      <t>ヒツ</t>
    </rPh>
    <rPh sb="71" eb="72">
      <t>カナメ</t>
    </rPh>
    <phoneticPr fontId="2"/>
  </si>
  <si>
    <t>○　特定社会福祉法人
　　 事業規模が政令で定める基準を超える法人
　（法人単位事業活動計算書の年間のサービス活
　動収益の額が30億円を超える法人又は貸借対照
　表の負債の額が60億円を超える法人）</t>
    <phoneticPr fontId="2"/>
  </si>
  <si>
    <t>○　内部管理体制として決定しなければならない事項
　① 理事の職務の執行に係る情報の保存及び管理に関する体制
　② 損失の危険の管理に関する規程その他の体制
　③ 理事の職務の執行が効率的に行われることを確保するための体制
　④ 職員の職務の執行が法令及び定款に適合することを確保するための体制
　⑤ 監事がその職務を補助すべき職員を置くことを求めた場合における当該職員に関する事項
　⑥ ⑤の職員の理事からの独立性に関する事項
　⑦ 監事の⑤の職員に対する指示の実効性の確保に関する事項
　⑧ 理事及び職員が監事に報告をするための体制その他の監事への報告に関する体制
　⑨ ⑧の報告をした者が当該報告をしたことを理由として不利な取扱いを受けないことを確保するための体制
　⑩ 監事の職務の執行について生ずる費用の前払又は償還の手続その他の当該職務の執行について生ずる費用
　　  又は債務の処理に係る方針に関する事項
　⑪ その他監事の監査が実効的に行われることを確保するための体制</t>
    <rPh sb="385" eb="386">
      <t>ヨウ</t>
    </rPh>
    <phoneticPr fontId="2"/>
  </si>
  <si>
    <t>○　理事会を構成する理事は、その理事会におけ
　る意思決定を通じて業務執行の決定又は監督を
　行うという意味で、法人の運営における重要な役
　割を担っている。
○　理事の員数
　　6人以上（法第44条第3項）の数を定款に定め
　る。</t>
    <phoneticPr fontId="2"/>
  </si>
  <si>
    <t>（法人による確認方法）
　・ 履歴書若しくは誓約書等により候補者本人にこれらの者に該当しないことの確認を行う方法で差し支えない。
　・ 法人の判断により官公署が発行する書類により確認することも考えられる。
　・ 欠格事由の②「精神の機能の障害により職務を適正に執行するに当たって必要な認知、判断及び意思疎通を適切に行うことができない
　　者」の確認方法としては、誓約書等により候補者本人にこれらの者に該当しないことの確認を行う方法で差し支えないが、必要に応じて法
　　人の判断により医師の診断書等により確認することが考えられる。なお、成年被後見人又は被保佐人であることのみをもって当該欠格事
　　由に当たるとすることはできない。</t>
    <rPh sb="230" eb="231">
      <t>ホウ</t>
    </rPh>
    <phoneticPr fontId="2"/>
  </si>
  <si>
    <t>○　監事に定款で定めた員数の3分の1を超えない欠員がある場合は、法令に直接的に明記されているものではない
　が、監事の役割が十分に発揮できないおそれがあり、法人運営の観点から適当ではないことから、法人において欠
　員の補充のための検討や手続が進められている必要がある。</t>
    <phoneticPr fontId="2"/>
  </si>
  <si>
    <t>○　監事の過半数の同意を得ていたことを証する書類は、監事ごとに作成した同意書や監事の連名による同意書の
　他、監事の選任に関する議案を決定した理事会の議事録（当該議案に同意した監事の氏名の記載及び当該監事の
　署名又は記名押印があるものに限る。）でも差し支えない。</t>
    <phoneticPr fontId="2"/>
  </si>
  <si>
    <t>○　監事の選任の手続において、選任された者に対する委嘱状による委嘱を行うことが必要とされるものではない
　が、法人において、選任された者に委嘱状により監事に選任された旨を伝達するとともに、就任の意思の確認を行う
　ことは差し支えない。</t>
    <phoneticPr fontId="2"/>
  </si>
  <si>
    <t>○　監事が理事会に出席し必要に応じて意見を述
　べることは、理事や理事会の職務の執行に対す
　る牽制を及ぼす観点から重要であることから、法
　律上の義務とされたものであり、理事会において
　も監事が出席できるよう理事会の日程調整を行う
　等の配慮を行うことが必要である。</t>
    <phoneticPr fontId="2"/>
  </si>
  <si>
    <t>○　理事会は、各理事（理事会を招集する理事を定
　款又は理事会で定めたときは、その理事）が招集
　することとされている（法第45条の14第1項）。
　　また、理事会を招集する理事を定款又は理事会
　で定めたときは、その他の理事は招集権者である
　理事に対して、理事会の目的である事項を示し
　て、理事会の招集を請求することができる（同条
　第2項）。</t>
    <phoneticPr fontId="2"/>
  </si>
  <si>
    <t>○　理事若しくは理事会が評議員を選任若しくは解任する旨の定款の定めは効力を有しない（法第31条第5項）。
　　 なお、理事又は理事会が、定款若しくは評議員の選任に関する規程等に基づき、評議員候補者の推薦を行うこと
　は可能である。</t>
    <phoneticPr fontId="2"/>
  </si>
  <si>
    <t>○　平成28年改正法の施行後は、理事会における議決は対面（テレビ会議等によることを含む。）により行うことされて
　おり、書面議決の方法によることはできない。</t>
    <phoneticPr fontId="2"/>
  </si>
  <si>
    <t>○　理事、監事及び会計監査人が、理事会への報告事項について報告を要しないこととされた場合は、理事会におい
　て実際に報告があったものではないが、次の事項を議事録に記載する（規則第2条の17第4項第2号）。
　① 理事会への報告を要しないものとされた事項の内容
　② 理事会への報告を要しないものとされた日
　③ 議事録の作成に係る職務を行った理事の氏名</t>
    <phoneticPr fontId="2"/>
  </si>
  <si>
    <t>○　会計監査人は、次に掲げる日のいずれか遅い日までに、
   特定監事及び特定理事に対し、計算関係書類についての監
   査報告の内容を通知しなければならない（規則第2条の32第
   1項）。
 ① 計算書類の全部を受領した日から4週間を経過した日
 ② 計算書類の附属明細書を受領した日から1週間を経過した日
 ③ 特定理事、特定監事及び会計監査人が合意により定めた日
　　　（合意がある場合）</t>
    <phoneticPr fontId="2"/>
  </si>
  <si>
    <t>　（注1）監事の報酬等の支給基準が評議員会承認
　　を受けて定められている場合には、監事の報酬
　　等の具体的な配分について評議員会の決議が
　　あったものとして、改めて監事の協議により、具
　　体的な配分を決定する必要はない。</t>
    <phoneticPr fontId="2"/>
  </si>
  <si>
    <t>○　会計監査人の報酬等については、評議員や役
　員と異なり、法令上定款又は評議員会の決議で
　定めることとはされておらず、法人の業務執行に
　関するものとして、監事の過半数の同意を得て、
　理事会又は理事会から委任を受けた理事が定め
　ることとなる。
　　なお、理事会の議事録において、会計監査人の
　報酬等を定める際に監事の過半数の同意を得て
　いる旨の記載があり、かつ、監事の議事録への
　署名又は記名押印により、監事の過半数の同意
　を得ていたことが確認できる場合には、議事録と
　は別に監事の過半数の同意を得たことを証する
　書類は必要ない。</t>
    <rPh sb="167" eb="169">
      <t>ドウイ</t>
    </rPh>
    <rPh sb="213" eb="214">
      <t>ハン</t>
    </rPh>
    <phoneticPr fontId="2"/>
  </si>
  <si>
    <t>○　理事、監事及び評議員に対する報酬等の支給
　の基準については、法人の透明性を確保するた
　め、評議員会の承認を受けたときは、公表するこ
　とが義務付けられている。</t>
    <phoneticPr fontId="2"/>
  </si>
  <si>
    <t>○　公表の方法については、インターネットの利用
　（原則として、法人（又は法人が加入する団体）の
　ホームページ）により行うが、規則第9条第3号に
　定める「社会福祉法人の財務諸表等電子開示シ
　ステム」を利用した届出を行い、行政機関等がそ
　の内容を公表した場合には、法人が公表したもの
　とみなす（規則第10条第2項）。</t>
    <phoneticPr fontId="2"/>
  </si>
  <si>
    <t>○　公表の方法については、インターネットの利用
　により行うこととされているが、規則第9条第3項
　に定める「社会福祉法人の財務諸表等電子開示
　システム」を利用した届出を行い、行政機関等が
　その内容を公表した場合には、法人が公表したも
　のとみなす（規則第10条第2項）。</t>
    <rPh sb="68" eb="69">
      <t>シ</t>
    </rPh>
    <phoneticPr fontId="2"/>
  </si>
  <si>
    <t>○　社会福祉協議会（社会福祉施設を経営するものを除く。）及び共同募金会にあっては、300万円以上に相当する資
　産を基本財産として有しなければならない。ただし、市町村社会福祉協議会及び地区社会福祉協議会にあっては、
　300万円と10円に当該市町村又は当該区の人口を乗じて得た額（100万円以下のときは100万円とする。）とのいず
　れか少ない方の額以上に相当する資産で差し支えない。</t>
    <phoneticPr fontId="2"/>
  </si>
  <si>
    <t>○　法人は、その社会福祉事業に支障がない限
　り、公益事業を行うことができるが、公益事業は、
　社会福祉と関係があり、公益性があるものである
　必要がある。（注1）</t>
    <phoneticPr fontId="2"/>
  </si>
  <si>
    <t>○　法人は社会福祉事業を行うことを目的とするも
　のであることから、その経営する収益事業は社会
　福祉事業に対して従たる地位にある必要があり、
　社会福祉事業を超える規模の収益事業を経営す　
　ることは認められない。</t>
    <phoneticPr fontId="2"/>
  </si>
  <si>
    <t>　　事業規模については、社会福祉事業が主たる地位を占めるかどうかを判断する際と同様に、年度毎の特別な事情
　の影響を除くため、法人の経常的費用により判断することが適当であり、原則、事業活動内訳表（会計省令第2号第
　2様式等）におけるサービス活動増減の部のサービス活動費用計の比率により判断すべきものである。
　　特定の会計年度において、収益事業の規模が社会福祉事業の規模を超えている場合であっても、所轄庁が、当
　該会計年度における特別な事情により超えてしまったものであり、恒常的に社会福祉事業の規模を超えるものでは
　ないと認める場合には、この限りではない。</t>
    <phoneticPr fontId="2"/>
  </si>
  <si>
    <t>　　この「重要な役割を担う職員」の範囲については、定款又はその他の規程等において明確に定めておくべきである
　（ｶﾞｲﾄﾞﾗｲﾝⅠ-6-(1)-3参照）。また、職員の任免の方法については、その手続等について規程等で明確に定めておく
　べきである。</t>
    <phoneticPr fontId="2"/>
  </si>
  <si>
    <t>○　基本財産は、法人の存立の基礎となるものであり、社会福祉事業を行うための施設の用に供する不動産や、不動
　産を保有しない法人における事業継続のための財政基礎として保有する資産が該当し、これを定款に基本財産とし
　て定めた上で、厳格な管理を行う必要がある。</t>
    <phoneticPr fontId="2"/>
  </si>
  <si>
    <t>　（注2）国又は地方公共団体以外の者から貸与を受けている場合に、地上権等の登記を要さないとされている場合は
　　　次のとおり。</t>
    <phoneticPr fontId="2"/>
  </si>
  <si>
    <t>○　株式の保有は、原則として、次に掲げる①～③
　の場合に限られるが、保有が認められる場合で
　あっても、法人の非営利性の担保の観点から、法
　人が営利企業を実質的に支配することがないよ
　う、営利企業の全株式の2分の1を超えて保有し
　てはならない。</t>
    <phoneticPr fontId="2"/>
  </si>
  <si>
    <t>○　評議員については、「社会福祉法人の適正な
　運営に必要な識見を有する者」のうちから、定款
　の定めるところにより選任する（法第39条）。その
　ため、法人は、定款で評議員の選任のために必
　要な事項（例：評議員選任・解任委員会を設置し、
　当該委員会により評議員を選任する）を定め、そ
　の定めに基づき評議員の選任を行う。ただし、理
　事又は理事会が評議員を選任し、又は解任する
　旨の定款の定めは効力を有しない（法第31条第
　5項）。</t>
    <phoneticPr fontId="2"/>
  </si>
  <si>
    <t>○　評議員の資格については、「社会福祉法人の適正な運営に必要な識見を有する者」として法人において適正な
  手続により選任されている限り、制限を受けるものではない。
○　評議員の選任の手続においては、評議員候補者が「社会福祉法人の適正な運営に必要な識見を有する者」で
　ある旨を説明することが必要。
○　法人と評議員との関係は、委任に関する規定に従う（法第38条）。そのため、定款の規定に基づき評議員として
　選任された者が就任を承諾することで、その時点（承諾のときに評議員の任期が開始していない場合は任期の開
　始時）から評議員となる。
○　就任の承諾については、文書による確認（就任承諾書の徴収等）が必要であり、当該文書は法人において保存
　される必要がある。
○　評議員の選任の手続において、選任された者に対する委嘱状による委嘱が必要とされるものではないが、法人
　において、選任された者に委嘱状により評議員に選任された旨を伝達するとともに、就任の意思の確認を行うこと
　は差し支えない。</t>
    <phoneticPr fontId="2"/>
  </si>
  <si>
    <t>○　評議員会の役割の重要性に鑑み、実際に評議員会に参加できない者などが選任された結果、評議員会を欠席することとなることは適当で
　はない。評議員として不適当と判断される基準は、原則として以下のとおり。
　　・前年度から当該年度までの間における評議員会を全て欠席している者であること
　　・前年度から当該年度までの間における評議員会の開催が1回のみである場合には、直近2回の評議員会を欠席している者であること
　　　（決議の省略を行った場合は、出席とみなして差し支えない。）</t>
    <phoneticPr fontId="2"/>
  </si>
  <si>
    <t>○　評議員の数は定款で定めた理事の員数を超
　える数でなければならない。
　　なお、定款で定めた評議員の員数が定款で定
　めた理事の員数を超えていればよいということで
　はなく、在任する評議員の人数が定款で定めた
　理事の員数及び在任する理事の人数を超えてい
　なければならない。</t>
    <rPh sb="103" eb="104">
      <t>サダ</t>
    </rPh>
    <phoneticPr fontId="2"/>
  </si>
  <si>
    <r>
      <t>○　評議員会の招集については、理事会の決議に
　より評議員会の日時及び場所等を定め、理事が
　評議員会の1週間</t>
    </r>
    <r>
      <rPr>
        <u/>
        <sz val="9"/>
        <color theme="1"/>
        <rFont val="ＭＳ Ｐゴシック"/>
        <family val="3"/>
        <charset val="128"/>
      </rPr>
      <t>（中7日間）</t>
    </r>
    <r>
      <rPr>
        <sz val="9"/>
        <color theme="1"/>
        <rFont val="ＭＳ Ｐゴシック"/>
        <family val="3"/>
        <charset val="128"/>
      </rPr>
      <t>又は定款において
　これを下回るものとして定めた期間以上前までに
　評議員に書面又は電磁的方法（電子メール等）に
　より通知をする方法で行われなければならない。
　　ただし、定時評議員会の場合は計算書類等の
　備置き及び閲覧に係る規定（法第45条の32第1
　項）との関連から、開催日は理事会と2週間
　</t>
    </r>
    <r>
      <rPr>
        <u/>
        <sz val="9"/>
        <color theme="1"/>
        <rFont val="ＭＳ Ｐゴシック"/>
        <family val="3"/>
        <charset val="128"/>
      </rPr>
      <t>（中14日間）</t>
    </r>
    <r>
      <rPr>
        <sz val="9"/>
        <color theme="1"/>
        <rFont val="ＭＳ Ｐゴシック"/>
        <family val="3"/>
        <charset val="128"/>
      </rPr>
      <t>以上の間隔を確保すること。
　　なお、電磁的方法で通知をする場合には、評議
　員の承諾を得なければならない。</t>
    </r>
    <rPh sb="88" eb="89">
      <t>ジョウ</t>
    </rPh>
    <phoneticPr fontId="2"/>
  </si>
  <si>
    <t>　　※　評議員の全員の同意があるときは、招集の手続を経ることなく評議員会を開催することができることとされてお
　　　り（法第45条の9第10項により準用される一般法人法第183条）、この場合には招集の通知を省略できるが、評議
　　　員会の日時等に関する理事会の決議は省略できないことに留意するとともに、評議員全員の同意があったこと
　　　が客観的に確認できる書類の保存が必要である。</t>
    <phoneticPr fontId="2"/>
  </si>
  <si>
    <t>○　計算書類等を所轄庁に届け出る毎年6月末日（定款に開催時期の定めがある場合にはそのとき）までに定時評議
　員会が開催される必要がある。</t>
    <phoneticPr fontId="2"/>
  </si>
  <si>
    <t>○　評議員会における議決は対面（テレビ会議等によることを含む。）により行うこととされていることから、評議員が欠
　席した場合に書面による議決権の行使（書面議決）はできない。
○　理事が評議員会の目的である事項について提案をした場合において、当該提案につき、議決に加わることができ
　る評議員の全員が書面又は電磁的記録により同意の意思表示をしたときは、当該提案を可決する旨の評議員会の
　決議があったものとみなされる（法第45条の9第10項により準用される一般法人法第194条第1項）。</t>
    <phoneticPr fontId="2"/>
  </si>
  <si>
    <t>○　理事が評議員の全員に対して評議員会に報告すべき事項を通知した場合において、当該事項を評議員会に報告
　することを要しないことにつき評議員の全員が書面又は電磁的記録により同意の意思表示をしたときは、当該事項
　の評議員会への報告があったとみなされる（法第45条の9第10項により準用される一般法人法第195条）。</t>
    <phoneticPr fontId="2"/>
  </si>
  <si>
    <t xml:space="preserve">○　計算関係書類等を所轄庁に提出するに当たっては、理事会の承認を受け、このうち計算書類及び財産目録につ
　いては定時評議員会の承認を受けたものでなければならない（法第45条の30、規則第2条の40）。
　　ただし、会計監査人設置法人においては、一定の要件（注1）を満たす場合には、計算書類及び財産目録について
　は定時評議員会においてその内容を報告することで足りる（法第45条の31、規則第2条の40）。
　（注1）会計監査人設置法人が、次の①から③の全ての要件を満たす場合には、計算書類又は財産目録について、
　　　評議員会の承認を要さず、報告で足りることとなる（規則第2条の39、第2条の40）。
　　　① 計算書類又は財産目録についての会計監査報告に無限定適正意見が付されていること
　　　② 会計監査報告に関する監事の監査報告に、会計監査人の監査の方法又は結果を相当でないと認める意見
　　　　  がないこと
　　　③ 計算書類又は財産目録について、特定監事が期限までに監査報告の内容を通知しなかったことにより、 監
　　　　　事の監査を受けたものとみなされたものでないこと
</t>
    <rPh sb="395" eb="397">
      <t>イケン</t>
    </rPh>
    <phoneticPr fontId="2"/>
  </si>
  <si>
    <t>○　法人と理事との関係は、評議員と同様に、委任
　に関する規定に従う（法第38条）。そのため、評議
　員会により選任された者が就任を承諾したことに
　より、その時点（承諾のときに理事の任期が開始
　していない場合は任期の開始時）から理事とな
　る。</t>
    <phoneticPr fontId="2"/>
  </si>
  <si>
    <t>○　法人は、理事の選任に当たり、次の確認を行う
　必要がある。
　・理事候補者が欠格事由に該当しないか
　・各理事と特殊の関係にある者が上限を超えて含
　　まれていないか
　・暴力団員等の反社会的勢力の者でないか</t>
    <phoneticPr fontId="2"/>
  </si>
  <si>
    <t>○　理事のうちには、「社会福祉事業の経営に関す
  る識見を有する者」及び「当該社会福祉法人が行
　う事業の区域における福祉に関する実情に通じ
　ている者」が含まれている必要がある（法第44条
　第4項第1号、第2号）。
　　また、施設を設置している法人は、施設経営の
　実態を法人運営に反映させるため、「施設の管理
  者」（注1）が理事として選任されている必要がある
  （同項第3号）。</t>
    <phoneticPr fontId="2"/>
  </si>
  <si>
    <t>○　「当該社会福祉法人が行う事業の区域における福祉に関する実情に通じている者」に関する審査要領第3の（3）
  の記載（注2）は例示であって、それらの者に限定されるものではなく、また、それらの者が必ず含まれなければなら
  ないものではない。
　（注2）「法人が行う事業の区域における福祉に関する実情に通じている者」は、例えば、次のような者が該当するこ
   　 と。
　　　ア 社会福祉協議会等社会福祉事業を行う団体の役職員 
　　　イ 民生委員・児童委員 
　　　ウ 社会福祉に関するボランティア団体、親の会等の民間社会福祉団体の代表者等
　　　エ 医師、保健師、看護師等保健医療関係者 
　　　オ 自治会、町内会、婦人会及び商店会等の役員その他その者の参画により施設運営や在宅福祉事業の円滑な
           遂行が期待できる者</t>
    <phoneticPr fontId="2"/>
  </si>
  <si>
    <t>○　理事長は、法人の代表権（法人の業務に関す
  る一切の裁判上又は裁判外の行為を対外的にす
  る権限（法第45条の17第1項））を有するとともに、
  対内的に法人の業務を執行する権限も有する（法
　第45条の16第2項第1号）ものであり、理事会で理
　事の中から選定されなければならない。</t>
    <phoneticPr fontId="2"/>
  </si>
  <si>
    <t>○　法人と監事との関係は、評議員や理事と同様に、委任に関する規定に従う（法第38条）。そのため、評議員会によ
　り選任された者が就任を承諾することで、その時点（承諾のときに監事の任期が開始していない場合は任期の開始
　時）から監事となる。</t>
    <phoneticPr fontId="2"/>
  </si>
  <si>
    <t>○　法人は、監事の選任に当たり、次の確認を行う
　必要がある。
　・監事候補者が欠格事由に該当しないか
　・理事又は職員を兼ねていないか
　・各役員と特殊の関係にないか
　・暴力団員等の反社会的勢力の者でないか</t>
    <phoneticPr fontId="2"/>
  </si>
  <si>
    <t>○　「財務管理について識見を有する者」について
　は、公認会計士又は税理士が望ましい（審査基準
　第3の4の（5））。
　　また、社会福祉法人、公益法人や民間企業等に
　おいて財務・経理を担当した経験を有する者など
　法人経営に専門的知見を有する者も考えられる
　が、これらの者に限られるものではない。</t>
    <phoneticPr fontId="2"/>
  </si>
  <si>
    <t>　　当該請求があった場合には、請求日から5日以内に、理事会の招集通知（請求日から2週間以内の日に理事会を
　開催するものである必要がある。）が発せられない場合には、その請求をした理事が理事会を招集することができる
　（同条第3項）。</t>
    <phoneticPr fontId="2"/>
  </si>
  <si>
    <t>　② 理事会が次に掲げるいずれかに該当するときは、その旨
　　ⅰ 招集権者以外の理事が招集を請求したことにより招集されたもの（法第45条の14第2項）
　　ⅱ 招集権者以外の理事が招集したもの（法第45条の14第3項）
　　ⅲ 監事が招集を請求したことにより招集されたもの（法第45条の18第3項により準用される一般法人法第101条
　　　　第2項）
　　ⅳ 監事が招集したもの（法第45条の18第3項により準用される一般法人法第101条第3項）
　③ 理事会の議事の経過の要領及びその結果
　　　理事会の決議に参加した理事であって、議事録に異議をとどめないものは、その決議に賛成したものと推定され
　　　る（法第45条の14第8項）ことから、議事録においては、決議に関する各理事の賛否について正確に記録される
　　　必要がある。
　④ 決議を要する事項について特別の利害関係を有する理事があるときは、当該理事の氏名
　⑤ 次に掲げる規定により理事会において述べられた意見又は発言があるときは、その意見又は発言の内容の概
      要
　　ⅰ 競業又は利益相反取引を行った理事による報告（法第45条の16第4項により準用される一般法人法第92条第
         2項）
　　ⅱ 理事が不正の行為をし、若しくは当該行為をするおそれがあると認めるとき、又は法令若しくは定款に違反する
        事実若しくは著しく不当な事実があると認めるときの監事の報告（法第45条の18第3項により準用される一般法
        人法第100条）
　　ⅲ 理事会において、監事が必要があると認めた場合に行う監事の意見（法第45条の18第3項により準用される
        一般法人法第101条第1項）
　　ⅳ 補償契約に基づく補償をした理事及び当該補償を受けた理事による報告（法第45条の22の2により準用される
        一般法人法第118条の2第4項）
　⑥ 理事長が定款の定めにより議事録署名人とされている場合（法第45条の14第6項）の、理事長以外の出席した
       理事の氏名
　⑦ 理事会に出席した会計監査人の氏名又は名称（監査法人の場合）
　⑧ 議長の氏名（議長が存する場合）</t>
    <phoneticPr fontId="2"/>
  </si>
  <si>
    <t>○　評議員や債権者が閲覧等を行えるようにするため、議事録については、理事会の日から10年間、書面又は電磁
　的記録を主たる事務所に備え置く必要があり、また、理事会の議決を省略した場合には、理事全員の同意の意思表
　示を記載若しくは記録した書面又は電磁的記録を、理事会の決議があったものとみなされた日から10年間、主たる
　事務所に備え置く必要がある（法第45条の15第1項）。</t>
    <phoneticPr fontId="2"/>
  </si>
  <si>
    <t>○　公益事業の経営により社会福祉事業の経営に支障を来すこととなってはならない。すなわち、公益事業は社会福
　祉事業に対して従たる地位になければならず、原則として、その事業規模が社会福祉事業の規模を超えてはならな
　い。
　　事業規模については、年度毎の特別な事情の影響を除くため、法人の経常的費用により判断することが適当であ
　り、社会福祉事業が主たる地位を占めているかの判断と同様に原則、事業活動内訳表（会計省令第2号第2様式
　等）におけるサービス活動増減の部のサービス活動費用計の比率により判断すべきものであるが、特定の会計年
　度において、公益事業の規模が社会福祉事業の規模を超えている場合であっても、所轄庁が当該会計年度におけ
　る特別な事情によるものであって、恒常的に社会福祉事業の規模を超えるものではないと認める場合にはこの限り
　ではない。
　　また、公益事業に欠損金が生じている場合には、そのことにより社会福祉事業に支障を来すことがないよう、法人
　において、欠損金が生じた原因の分析や必要に応じて事業の経営の改善のための検討や具体的な措置が行われ
　る必要がある。ただし、公益事業のうち、所轄庁の承認を受けた社会福祉充実計画に基づき行うもの（法第55条の2
　第4項第2号に規定する地域公益事業を含む。）については、法人の社会福祉充実残額を財源として計画に基づい
　て事業を行うものであるから、社会福祉充実計画の変更の承認が必要となる場合以外は、この限りではない。
　　なお、所轄庁は、公益事業の継続が当該法人の社会福祉事業に支障がある場合には、その事業の停止を命ずる
　ことができる（法第57条第3号）。</t>
    <rPh sb="51" eb="52">
      <t>フク</t>
    </rPh>
    <phoneticPr fontId="2"/>
  </si>
  <si>
    <t>○　収益事業は、その収益を社会福祉事業又は特定公益事業（以下「社会福祉事業等」という。）に充てることを目的
　として行うものであり、収益がある場合にその収益を社会福祉事業等に充てていない場合や、収益事業の経営によ
　り社会福祉事業の経営に支障を来す場合には、収益事業を行う目的に反することとなり、この場合、所轄庁は、その
　収益事業の停止を命ずることができる（法第57条第2号、第3号）。</t>
    <phoneticPr fontId="2"/>
  </si>
  <si>
    <t>○　法人における予算の執行及び資金等の管理に
　関しては、あらかじめ会計責任者等の運営管理
　責任者を定める等法人の管理運営に十分配慮し
　た体制を確保するとともに、会計責任者と出納職
　員との兼務を避けるなどの内部牽制に配意した
　業務分担、自己点検を行う等、適正な会計事務
　処理に努めるべきである。</t>
    <phoneticPr fontId="2"/>
  </si>
  <si>
    <t>　（注）サービス区分の設定については、次のような例がある。
　　　① 指定居宅サービス等の事業の人員、設備及び運営に関する基準（平成11年厚生省令第37号）その他介護保
　　　　　険事業の運営に関する基準における会計の区分
　　　② 障害者の日常生活及び社会生活を総合的に支援するための法律に基づく指定障害福祉サービスの事業等
　　　　　の人員、設備及び運営に関する基準（平成18年厚生労働省令第171号）における会計の区分
　　　③ 子ども・子育て支援法に基づく特定教育・保育施設及び特定地域型保育事業並びに特定子ども・子育て支援
　　　　　施設等の運営に関する基準（平成26年内閣府令第39号）における会計の区分
　　　④ ①から③以外の事業については、法人の定款に定める事業ごとの区分</t>
    <phoneticPr fontId="2"/>
  </si>
  <si>
    <t>○　法人は、予算の執行に当たって、年度途中で
  予算との乖離等が見込まれる場合は、必要な収
  入及び支出について補正予算を編成するものと
　する。
　　ただし、乖離額等が法人の運営に支障がなく、
  軽微な範囲にとどまる場合は、この限りではない
  （留意事項2の（2））。</t>
    <phoneticPr fontId="2"/>
  </si>
  <si>
    <t>○　理事長等法人の業務執行を行う理事は、予算の執行に当たっては、定款や経理規程に基づいて決定・承認され
　た範囲内で権限及び責任を有するものであり、理事長等の権限及び責任の範囲について明確にするため、当初予
　算を変更し、補正予算を編成する場合の手続については、法人の定款（注2）、経理規程等において、定めておくべ
　きものである。
　　また、補正予算を編成することを要しない軽微な乖離の範囲についても、規程や予算等において定めておくことが
　望ましい。
　　なお、支出総額が予算より増加する場合や収入が予算より減少する場合であって予算どおりに支出を行うと欠損
　が生じる場合等予算と乖離が生じている場合には、理事長等予算の執行を担当する理事が理事会で説明を行い承　
　認を受ける等の対応を行うことが適当である。
　　（注2）定款例第31条第1項においては、予算の変更は作成と同様の手続を経ることとされている。</t>
    <phoneticPr fontId="2"/>
  </si>
  <si>
    <t>○ 数量については、継続的に記録される場合であ
　っても帳簿の数量と実際の数量に誤差が生じる
　可能性があるため、経理規程で会計年度ごとに
　実地棚卸を行うことが規定されている。</t>
    <rPh sb="48" eb="49">
      <t>カ</t>
    </rPh>
    <rPh sb="49" eb="50">
      <t>ノウ</t>
    </rPh>
    <rPh sb="71" eb="72">
      <t>ミノル</t>
    </rPh>
    <rPh sb="72" eb="73">
      <t>チ</t>
    </rPh>
    <rPh sb="73" eb="75">
      <t>タナオロシ</t>
    </rPh>
    <rPh sb="76" eb="77">
      <t>オコナ</t>
    </rPh>
    <rPh sb="81" eb="83">
      <t>キテイ</t>
    </rPh>
    <phoneticPr fontId="2"/>
  </si>
  <si>
    <t>○　引当金とは、将来の特定の費用又は損失で
　あって、その発生が当該会計年度以前の事象に
　起因し、発生の可能性が高く、かつその金額を合
　理的に見積もることができる場合に、当該会計年
　度の負担に属する金額を当該会計年度の費用と
　して繰り入れるものであり、会計基準において
　は、徴収不能引当金、賞与引当金、退職給付引
　当金及び役員退職慰労引当金の取扱いについて
　個別に定めている（注）。
　（注）上記3種類の引当金以外についても、要件を
　　　満たすものは計上することができる。</t>
    <phoneticPr fontId="2"/>
  </si>
  <si>
    <t>○　社会福祉事業の経営者は、常に、その提供す
　る福祉サービスについて、利用者等からの苦情
　の適切な解決に努めなければならない（法第82
　条）。
　 　福祉サービスに関する苦情解決の仕組みにつ
　いては、「社会福祉事業の経営者による福祉サー
　ビスに関する苦情解決の仕組みの指針につい
　て」(平成12年6月7日付け障第452号・社援第1352
　号・老発第514号・児発第575号厚生省大臣官房
　障害保健福祉部長、社会・援護局長、老人保健
　福祉局長及び児童家庭局長連名通知）において
　定められているところであり、法人においては、こ
　の苦情解決の仕組みを整備し、活用することによ
　り利用者からの苦情の適切な解決に努めていくこ
　とが求められる。</t>
    <phoneticPr fontId="2"/>
  </si>
  <si>
    <t>◎法第34条の2第1項、第4
　 項、第59条の2第1項第1号
◎規則第2条の5、第10条第
    1項、第2項</t>
    <rPh sb="17" eb="18">
      <t>コウ</t>
    </rPh>
    <phoneticPr fontId="2"/>
  </si>
  <si>
    <t>◎法第45条の19、第45条の
　 30、第45条の31、法第59
　 条
◎規則第2条の39、第2条の
　　40</t>
    <phoneticPr fontId="2"/>
  </si>
  <si>
    <t>◎法第44条第1項により準
　 用される法第40条第1項、
   第44条第6項
（参考）
◎法第61条第1項、第109条
   から第111条まで
◎審査基準第3の1の(1)、
　 （3）、(4）、（5）、（6）</t>
    <phoneticPr fontId="2"/>
  </si>
  <si>
    <t>◎法第45条の14第1項、同
   条第9項により準用される
   一般法人法第94条第1項、
　第2項</t>
    <phoneticPr fontId="2"/>
  </si>
  <si>
    <t>◎会計省令第3号第1様式
　 から第4様式まで</t>
    <phoneticPr fontId="2"/>
  </si>
  <si>
    <t>◎会計省令第5条第2項第1
　 号
◎運用上の取扱い18の　
　 （2)、(3)
◎留意事項18の(2)</t>
    <phoneticPr fontId="2"/>
  </si>
  <si>
    <t xml:space="preserve"> 主眼事項及び着眼点（法人関係）</t>
    <rPh sb="1" eb="3">
      <t>シュガン</t>
    </rPh>
    <rPh sb="3" eb="5">
      <t>ジコウ</t>
    </rPh>
    <rPh sb="5" eb="6">
      <t>オヨ</t>
    </rPh>
    <rPh sb="7" eb="10">
      <t>チャクガンテン</t>
    </rPh>
    <rPh sb="11" eb="13">
      <t>ホウジン</t>
    </rPh>
    <rPh sb="13" eb="15">
      <t>カンケイ</t>
    </rPh>
    <phoneticPr fontId="4"/>
  </si>
  <si>
    <r>
      <t>※</t>
    </r>
    <r>
      <rPr>
        <b/>
        <sz val="11"/>
        <color theme="1"/>
        <rFont val="游ゴシック"/>
        <family val="3"/>
        <charset val="128"/>
        <scheme val="minor"/>
      </rPr>
      <t>太枠</t>
    </r>
    <r>
      <rPr>
        <sz val="11"/>
        <color theme="1"/>
        <rFont val="游ゴシック"/>
        <family val="3"/>
        <charset val="128"/>
        <scheme val="minor"/>
      </rPr>
      <t>のみ記入し、自主点検終了後、指導監査課へ1部、提出してください。</t>
    </r>
    <rPh sb="1" eb="3">
      <t>フトワク</t>
    </rPh>
    <rPh sb="5" eb="7">
      <t>キニュウ</t>
    </rPh>
    <rPh sb="9" eb="11">
      <t>ジシュ</t>
    </rPh>
    <rPh sb="11" eb="13">
      <t>テンケン</t>
    </rPh>
    <rPh sb="13" eb="16">
      <t>シュウリョウゴ</t>
    </rPh>
    <rPh sb="17" eb="19">
      <t>シドウ</t>
    </rPh>
    <rPh sb="19" eb="21">
      <t>カンサ</t>
    </rPh>
    <rPh sb="21" eb="22">
      <t>カ</t>
    </rPh>
    <rPh sb="24" eb="25">
      <t>ブ</t>
    </rPh>
    <rPh sb="26" eb="28">
      <t>テイシュツ</t>
    </rPh>
    <phoneticPr fontId="2"/>
  </si>
  <si>
    <t>指導監査当日
の  対  応  者</t>
    <rPh sb="0" eb="2">
      <t>シドウ</t>
    </rPh>
    <rPh sb="2" eb="4">
      <t>カンサ</t>
    </rPh>
    <rPh sb="4" eb="6">
      <t>トウジツ</t>
    </rPh>
    <rPh sb="10" eb="11">
      <t>タイ</t>
    </rPh>
    <rPh sb="13" eb="14">
      <t>オウ</t>
    </rPh>
    <rPh sb="16" eb="17">
      <t>シャ</t>
    </rPh>
    <phoneticPr fontId="2"/>
  </si>
  <si>
    <t xml:space="preserve"> 氏名</t>
    <rPh sb="1" eb="3">
      <t>シメイ</t>
    </rPh>
    <phoneticPr fontId="2"/>
  </si>
  <si>
    <t xml:space="preserve"> 鹿児島市</t>
    <rPh sb="1" eb="5">
      <t>カゴシマシ</t>
    </rPh>
    <phoneticPr fontId="2"/>
  </si>
  <si>
    <t>法　　人</t>
    <rPh sb="0" eb="1">
      <t>ホウ</t>
    </rPh>
    <rPh sb="3" eb="4">
      <t>ヒト</t>
    </rPh>
    <phoneticPr fontId="2"/>
  </si>
  <si>
    <t>　令和　　年　　月　　日（　　）</t>
    <rPh sb="1" eb="3">
      <t>レイワ</t>
    </rPh>
    <rPh sb="5" eb="6">
      <t>ネン</t>
    </rPh>
    <rPh sb="8" eb="9">
      <t>ツキ</t>
    </rPh>
    <rPh sb="11" eb="12">
      <t>ヒ</t>
    </rPh>
    <phoneticPr fontId="2"/>
  </si>
  <si>
    <t>　令和　　年　　月　　日（　　）</t>
    <rPh sb="1" eb="3">
      <t>レイワ</t>
    </rPh>
    <rPh sb="5" eb="6">
      <t>ネン</t>
    </rPh>
    <rPh sb="8" eb="9">
      <t>ツキ</t>
    </rPh>
    <rPh sb="11" eb="12">
      <t>ニチ</t>
    </rPh>
    <phoneticPr fontId="2"/>
  </si>
  <si>
    <t>名　　称</t>
    <rPh sb="0" eb="1">
      <t>メイ</t>
    </rPh>
    <rPh sb="3" eb="4">
      <t>ショウ</t>
    </rPh>
    <phoneticPr fontId="2"/>
  </si>
  <si>
    <t>所 在 地</t>
    <rPh sb="0" eb="1">
      <t>ショ</t>
    </rPh>
    <rPh sb="2" eb="3">
      <t>ザイ</t>
    </rPh>
    <rPh sb="4" eb="5">
      <t>チ</t>
    </rPh>
    <phoneticPr fontId="2"/>
  </si>
  <si>
    <t>理 事 長</t>
    <rPh sb="0" eb="1">
      <t>リ</t>
    </rPh>
    <rPh sb="2" eb="3">
      <t>コト</t>
    </rPh>
    <rPh sb="4" eb="5">
      <t>チョウ</t>
    </rPh>
    <phoneticPr fontId="2"/>
  </si>
  <si>
    <t>年 月 日</t>
    <rPh sb="0" eb="1">
      <t>ネン</t>
    </rPh>
    <rPh sb="2" eb="3">
      <t>ガツ</t>
    </rPh>
    <rPh sb="4" eb="5">
      <t>ニチ</t>
    </rPh>
    <phoneticPr fontId="2"/>
  </si>
  <si>
    <t>点 検 者</t>
    <rPh sb="0" eb="1">
      <t>テン</t>
    </rPh>
    <rPh sb="2" eb="3">
      <t>ケン</t>
    </rPh>
    <rPh sb="4" eb="5">
      <t>シャ</t>
    </rPh>
    <phoneticPr fontId="2"/>
  </si>
  <si>
    <t xml:space="preserve"> 〒　　－</t>
    <phoneticPr fontId="2"/>
  </si>
  <si>
    <t xml:space="preserve"> 就学前の子どもに関する教育、保育等の総合的な提供
 の推進に関する法律第１９条第１項</t>
    <rPh sb="1" eb="3">
      <t>シュウガク</t>
    </rPh>
    <rPh sb="3" eb="4">
      <t>マエ</t>
    </rPh>
    <rPh sb="5" eb="6">
      <t>コ</t>
    </rPh>
    <rPh sb="9" eb="10">
      <t>カン</t>
    </rPh>
    <rPh sb="12" eb="14">
      <t>キョウイク</t>
    </rPh>
    <rPh sb="15" eb="17">
      <t>ホイク</t>
    </rPh>
    <rPh sb="17" eb="18">
      <t>トウ</t>
    </rPh>
    <rPh sb="19" eb="22">
      <t>ソウゴウテキ</t>
    </rPh>
    <rPh sb="23" eb="24">
      <t>テイ</t>
    </rPh>
    <rPh sb="24" eb="25">
      <t>トモ</t>
    </rPh>
    <rPh sb="28" eb="30">
      <t>スイシン</t>
    </rPh>
    <rPh sb="31" eb="32">
      <t>カン</t>
    </rPh>
    <rPh sb="34" eb="36">
      <t>ホウリツ</t>
    </rPh>
    <rPh sb="36" eb="37">
      <t>ダイ</t>
    </rPh>
    <rPh sb="39" eb="40">
      <t>ジョウ</t>
    </rPh>
    <rPh sb="40" eb="41">
      <t>ダイ</t>
    </rPh>
    <rPh sb="42" eb="43">
      <t>コウ</t>
    </rPh>
    <phoneticPr fontId="2"/>
  </si>
  <si>
    <t>第Ⅰ　法人運営</t>
    <phoneticPr fontId="2"/>
  </si>
  <si>
    <t xml:space="preserve"> (1) 評議員の選任</t>
    <phoneticPr fontId="2"/>
  </si>
  <si>
    <t>　(3) 評議員会の決議があったとみなされた場合（決議を省略した場合）に、同意
　　の書面又は電磁的記録を法人の主たる事務所に10年間備え置いているか。</t>
    <phoneticPr fontId="2"/>
  </si>
  <si>
    <t>○　社会福祉協議会については、公私の関係者の協力によって組織され運営されるものであることから、関係行政庁の職員が役員となること
　のみをもって不当な関与であるとはいえないが、役員総数（注2）の5分の1を超える割合を占める場合は、不当な関与と言えるため、法により
　認められていない（法第109条第5項）。
　（注2）法第109条第5項は、役員総数に対する関係行政庁の職員である役員の割合について規定しており、役員、すなわち、理事と監事の合
　　　計数で判断されるものである。</t>
    <rPh sb="218" eb="219">
      <t>ゴウ</t>
    </rPh>
    <phoneticPr fontId="2"/>
  </si>
  <si>
    <t>ｶﾞｲﾄﾞﾗｲﾝ(Ⅰ-5-(3)-1)</t>
    <phoneticPr fontId="2"/>
  </si>
  <si>
    <t>○　理事会の議案について、理事の全員の事前の同意の意思表示がある場合には理事会の議決を省略することは
　認められているため、定款において決議の省略の定めがある場合には、理事の全員の事前の同意の意思表示に
　より、当該議案について理事会の決議があったとみなされる（法第45条の14第9項により準用される一般法人法第
　96条）。
　　 この場合には、理事会の決議が省略されたことが理事会議事録の記載事項となり（規則第2条の17第4項第1号）
　、理事の全員の意思表示を記す書面又は電磁的記録は、決議があったとみなされた日から10年間主たる事務所に
　備え置かなければならない（法第45条の15第1項）。
　　 また、当該提案について監事が異議を述べたときは、決議要件を満たさないため、監事からも事前に同意の書面
　を徴収することが望ましい。</t>
    <phoneticPr fontId="2"/>
  </si>
  <si>
    <t>○　多額の借財については、法人の経営に影響を
　与えるおそれがあるため、理事会が理事長等の
　理事に委任することができない（法第45条の13
　第4項第2号）こととされており、これに該当する場
  合は、理事会の議決がなければ行うことができな
  い。
　　多額の借財の範囲は、理事会が理事長等の理
　事に委任する範囲として、専決規程（注）等におい
　て明確に定めるべきものである（定款例第24条参
　照）。</t>
    <phoneticPr fontId="2"/>
  </si>
  <si>
    <t>○　議事録については、法律上、出席した理事及び監事全員の署名又は記名押印が必要とされているが、議事録署
　名人の範囲は定款の相対的記載事項であり、定款に定めることにより、理事全員ではなく理事長のみの署名又は
　記名押印で足りることとなる（法第45条の14第6項）。
     なお、議事録は、書面又は電磁的記録により作成する（規則第2条の17第2項）が、電磁的記録により作成する
　場合には、署名又は記名押印の代わりに電子署名をすることが必要である（規則第2条の18第1項第1号、第2項）。</t>
    <phoneticPr fontId="2"/>
  </si>
  <si>
    <t>○　理事全員の同意により理事会の決議を省略した場合は、理事会において実際の決議があったものではないが、
　次の事項を議事録に記載する（規則第2条の17第4項第1号）。
　① 理事会の決議があったものとみなされた事項の内容
　② ①の事項の提案をした理事の氏名
　③ 理事会の決議があったものとみなされた日
　④ 議事録の作成に係る職務を行った理事の氏名</t>
    <phoneticPr fontId="2"/>
  </si>
  <si>
    <t>第Ⅱ　事業</t>
    <phoneticPr fontId="2"/>
  </si>
  <si>
    <r>
      <t>○　定款の必要的記載事項のうち、事業の種類に関するもの
　・</t>
    </r>
    <r>
      <rPr>
        <u/>
        <sz val="9"/>
        <color theme="1"/>
        <rFont val="ＭＳ Ｐゴシック"/>
        <family val="3"/>
        <charset val="128"/>
      </rPr>
      <t>社会福祉事業の種類</t>
    </r>
    <r>
      <rPr>
        <sz val="9"/>
        <color theme="1"/>
        <rFont val="ＭＳ Ｐゴシック"/>
        <family val="3"/>
        <charset val="128"/>
      </rPr>
      <t>（第3号）
　　　社会福祉事業の種類に係る定款の定めについては、法第2条第2項各号に規定する第1種社会福祉事業又は同条第3項各号に規定する
　　第2種社会福祉事業のうちいずれの事業に該当するか（いずれの号に該当するかについても含む。）が明らかなものにしなければならない
     （定款例第1条参照）。また、定款の定めには個別の施設の名称を記載する必要はないが、定款の定めに個別の施設の名称を記載した場
　　合には、施設の名称を変更する場合や同種の施設を新設する場合にも定款変更を行う必要がある。
　・</t>
    </r>
    <r>
      <rPr>
        <u/>
        <sz val="9"/>
        <color theme="1"/>
        <rFont val="ＭＳ Ｐゴシック"/>
        <family val="3"/>
        <charset val="128"/>
      </rPr>
      <t>公益事業の種類</t>
    </r>
    <r>
      <rPr>
        <sz val="9"/>
        <color theme="1"/>
        <rFont val="ＭＳ Ｐゴシック"/>
        <family val="3"/>
        <charset val="128"/>
      </rPr>
      <t>（第11号）
　　　公益事業の種類に係る定款の定めについては、事業の内容が理解できるよう具体的に記載するものとする。なお、公益事業のうち、規模
　　が小さく社会福祉事業と一体的に行われる事業又は社会福祉事業の用に供する施設の機能を活用して行う事業の開始等については、
　　必ずしも定款の変更を要しない（定款例第35条の備考一の注3）。
　・</t>
    </r>
    <r>
      <rPr>
        <u/>
        <sz val="9"/>
        <color theme="1"/>
        <rFont val="ＭＳ Ｐゴシック"/>
        <family val="3"/>
        <charset val="128"/>
      </rPr>
      <t>収益事業の種類</t>
    </r>
    <r>
      <rPr>
        <sz val="9"/>
        <color theme="1"/>
        <rFont val="ＭＳ Ｐゴシック"/>
        <family val="3"/>
        <charset val="128"/>
      </rPr>
      <t>（第12号）
　　　収益事業の種類に係る定款の定めについては、事業の内容が理解できるよう具体的に記載するものとする（定款例第35条の備考二）。</t>
    </r>
    <rPh sb="366" eb="368">
      <t>キボ</t>
    </rPh>
    <phoneticPr fontId="2"/>
  </si>
  <si>
    <t>○　法人本来の役割として、社会福祉事業及び公
  益事業を行うに当たっては、日常生活又は社会
  生活上の支援を必要とする者に対して、無料又
　は低額な料金で、福祉サービスを積極的に提供
　するよう努めなければならない。</t>
    <rPh sb="21" eb="22">
      <t>コウ</t>
    </rPh>
    <rPh sb="44" eb="46">
      <t>シャカイ</t>
    </rPh>
    <phoneticPr fontId="2"/>
  </si>
  <si>
    <t>　（注1）次に掲げる事業（社会福祉事業であるもの
　　を除く。）が公益事業の例である（審査基準第1
　　の2の(2)、審査要領第1の2）が、これらに限られ
　　るものではないことに留意する必要がある。</t>
    <rPh sb="45" eb="47">
      <t>キジュン</t>
    </rPh>
    <phoneticPr fontId="2"/>
  </si>
  <si>
    <t>　（注2）法2条第2項各号及び第3項第1号から第9号までに規定する事業であって、常時保護を受ける者を入所させて
　　その保護を行うものにあっては5人、その他のものにあっては20人（ただし、生活困窮者自立支援法に規定する認
　　定生活困窮者就労訓練事業、児童福祉法に規定する小規模保育事業、障害者総合支援法に規定する地域活動
　　支援センターを経営する事業並びに同法に規定する障害福祉サービス事業のうち、就労継続支援Ａ型及び離島等
　　の地域で将来的に利用者の確保の見込みがないとして都道府県知事が認めた生活介護、自立訓練、就労移行支
　　援、就労継続支援Ｂ型に係るものについては10人）に満たないもの（令第1条、規則第1条）</t>
    <phoneticPr fontId="2"/>
  </si>
  <si>
    <t>第Ⅲ　管理</t>
    <phoneticPr fontId="2"/>
  </si>
  <si>
    <t>○　法人は、会計省令、運用上の取扱い及び留意事項（以下「会計基準」という。）に従い、会計処理を行い、会計帳
　簿、計算関係書類及び財産目録を作成しなければならない（会計省令第1条第1項）。　また、会計基準において、基
　準が示されていない場合には、一般に公正妥当と認められる社会福祉法人会計の慣行を斟酌しなければならない
　（同条第2項）。
　　なお、会計基準は、法人が行う全ての事業に関する会計に適用される（同条第3項）。</t>
    <phoneticPr fontId="2"/>
  </si>
  <si>
    <t>□引当金明細書
　（計算書類の附属明細書）
□個別法及び一括法による徴収
   不能引当金の計上の必要性の
   有無を検討している法人作成資
   料
□徴収不能引当金の計上に係る
   会計伝票　　等</t>
    <phoneticPr fontId="2"/>
  </si>
  <si>
    <t>□引当金明細書（計算書類の附属
　 明細書）
□賞与引当金の計上の必要性の
   有無を検討している法人作成資
   料
□賞与引当金に係る会計伝票  等</t>
    <phoneticPr fontId="2"/>
  </si>
  <si>
    <t xml:space="preserve"> 　（注2）就労支援事業に係る附属明細書（別紙3（⑮）-1から（⑱）-2まで）</t>
    <phoneticPr fontId="2"/>
  </si>
  <si>
    <t xml:space="preserve">　
 </t>
    <phoneticPr fontId="2"/>
  </si>
  <si>
    <t>◎入札通知
◎徹底通知5の(2)ウ、(6)エ</t>
    <phoneticPr fontId="2"/>
  </si>
  <si>
    <t>　(3) 随意契約を行っている場合は一般的な基準に照らし合わせて適正に行われて
　　いるか。</t>
    <rPh sb="32" eb="34">
      <t>テキセイ</t>
    </rPh>
    <rPh sb="35" eb="36">
      <t>オコナ</t>
    </rPh>
    <phoneticPr fontId="2"/>
  </si>
  <si>
    <t xml:space="preserve"> (2) 選任及び解任</t>
    <phoneticPr fontId="2"/>
  </si>
  <si>
    <t xml:space="preserve"> (3) 報酬等の支給</t>
    <phoneticPr fontId="2"/>
  </si>
  <si>
    <t xml:space="preserve"> (4) 報酬等の総額
　の公表</t>
    <phoneticPr fontId="2"/>
  </si>
  <si>
    <t>２　社会福祉事業</t>
    <phoneticPr fontId="2"/>
  </si>
  <si>
    <t xml:space="preserve"> (4) 不動産の借用</t>
    <phoneticPr fontId="2"/>
  </si>
  <si>
    <t xml:space="preserve"> (5) 附属明細書等</t>
    <phoneticPr fontId="2"/>
  </si>
  <si>
    <t xml:space="preserve"> (2) 社会福祉充実
　計画</t>
    <rPh sb="9" eb="11">
      <t>ジュウジツ</t>
    </rPh>
    <phoneticPr fontId="2"/>
  </si>
  <si>
    <t>　No.１</t>
    <phoneticPr fontId="2"/>
  </si>
  <si>
    <t>法人関係</t>
    <rPh sb="0" eb="1">
      <t>ホウ</t>
    </rPh>
    <rPh sb="1" eb="2">
      <t>ニン</t>
    </rPh>
    <rPh sb="2" eb="3">
      <t>カン</t>
    </rPh>
    <rPh sb="3" eb="4">
      <t>カカリ</t>
    </rPh>
    <phoneticPr fontId="2"/>
  </si>
  <si>
    <t>　(4) 予算の執行に当たって、変更を加えるときは、定款等に定める手続を経てい
　　るか。
　　（第１次補正）令和　　　年　　　月　　　日開催　理事会（評議員会）
　　（第２次補正）令和　　　年　　　月　　　日開催　理事会（評議員会）
　　（第３次補正）令和　　　年　　　月　　　日開催　理事会（評議員会）
　　（第４次補正）令和　　　年　　　月　　　日開催　理事会（評議員会）</t>
    <phoneticPr fontId="2"/>
  </si>
  <si>
    <t>１　評議員会の招集</t>
    <phoneticPr fontId="2"/>
  </si>
  <si>
    <t>○　監事は、理事の職務の執行を監査し、監査報
　告を作成するとともに（法第45条の18第1項）、い
　つでも理事及び職員に対して事業の報告を求め、
　又は当該法人の業務及び財産の状況を調査す
　ることができ（同条第2項）、適正な法人運営の確
　保に関する重要な役割を担っている。
○　監事の員数
　　　2人以上（法第44条第3項）の数を定款に定め
　る。</t>
    <phoneticPr fontId="2"/>
  </si>
  <si>
    <t>◎法第44 条第1項により準
   用される法第40条第1項
   第2項、第44条第2項、第
　 7項
◎審査基準第3の1の(1)、
    (3)、 (4)、(5)、(6)</t>
    <rPh sb="29" eb="30">
      <t>コウ</t>
    </rPh>
    <phoneticPr fontId="2"/>
  </si>
  <si>
    <t xml:space="preserve"> (2) 基本財産以外
　の財産</t>
    <rPh sb="10" eb="11">
      <t>ガイ</t>
    </rPh>
    <phoneticPr fontId="2"/>
  </si>
  <si>
    <t>ｶﾞｲﾄﾞﾗｲﾝ(Ⅰ-3-(1)-2）</t>
    <phoneticPr fontId="2"/>
  </si>
  <si>
    <t>ｶﾞｲﾄﾞﾗｲﾝ(Ⅰ-3-(1)-3）</t>
    <phoneticPr fontId="2"/>
  </si>
  <si>
    <t>　　●同意を得ていたことを証する書類
　　（例）監事ごとの同意書、連名の同意書、議事録
　　　（　　　　　　　　　　　　　　　　　　　　　　　　　　　　）</t>
    <phoneticPr fontId="2"/>
  </si>
  <si>
    <t>　（注1）事業の用に供する不動産を国又は地方公共団体以外の者から貸与を受けて設置することが認められる場合
　　　は次のとおり。
　　・「国又は地方公共団体以外の者から施設用地の貸与を受けて特別養護老人ホームを設置する場合の要件緩和
　　　について」（平成12年8月22日付け社援第1896号・老発第599号厚生省社会・援護局長及び老人保健福祉局長連
　　　名通知）
　　・「障害者の日常生活及び社会生活を総合的に支援するための法律に基づく地域活動支援センターの経営を目的
　　　として社会福祉法人を設立する場合の資産要件等について（平成24年3月30日付け社援発0330第5号厚生労働
　　　省社会・援護局長通知）」
　　・「国又は地方公共団体以外の者から施設用地の貸与を受けて既設法人が福祉ホームを設置する場合の要件緩
　　　和について（通知）」（平成12年9月8日付け障第669号・社援第2028号厚生省大臣官房障害保健福祉部長、社会
　　　・援護局長連名通知）
　　・「国又は地方公共団体以外の者から不動産の貸与を受けて既設法人が通所施設を設置する場合の要件緩和に
　　　ついて」（平成12年9月8日付け障第670号・社援第2029号・老発第628 号・児発第732号厚生省大臣官房障害保
　　　健福祉部長、社会・援護局長、老人保健福祉局長、児童家庭局長連名通知）
　　・ 「不動産の貸与を受けて保育所を設置する場合の要件緩和について」（平成16年5月24日付け雇児発
　　　第0524002号・社援発第0524008号厚生労働省雇用均等・児童家庭局長、社会・援護局長連名通知）
　　・「地域密着型介護老人福祉施設の「サテライト型居住施設」及び構造改革特別区域における「サテライト型障害者
　　　施設」の用に供する不動産について」（平成16年12月13日社援発第1213003 号社会・援護局長通知）
　　・「国又は地方公共団体以外の者から不動産の貸与を受けて既設法人がサテライト型居住施設である地域密着型
　　　特別養護老人ホーム以外の特別養護老人ホームを設置する場合の要件緩和について」（平成28年7月27日社援
　　　発0727第1号・老発0727第1号厚生労働省社会・援護局長、老健局長連盟通知）</t>
    <rPh sb="176" eb="177">
      <t>レン</t>
    </rPh>
    <rPh sb="237" eb="238">
      <t>テキ</t>
    </rPh>
    <rPh sb="749" eb="750">
      <t>シャ</t>
    </rPh>
    <phoneticPr fontId="2"/>
  </si>
  <si>
    <t>　　・「国又は地方公共団体以外の者から不動産の貸与を受けて既設法人が通所施設を設置する場合の要件緩和に
　　　ついて」（平成12年9月8日付け障第670号・社援第2029号・老発第628号・児発第732号厚生省大臣官房障害保健
　　　福祉部長、社会・援護局長、老人保健福祉局長及び児童家庭局長連名通知）に定める要件を満たす場合
　　・ 「不動産の貸与を受けて保育所を設置する場合の要件緩和について」（平成16年5月24日付け雇児発第0524002
　　　号・社援発第0524008号厚生労働省雇用均等・児童家庭局長及び社会・援護局長連名通知）に定める要件を満
　　　たす場合</t>
    <phoneticPr fontId="2"/>
  </si>
  <si>
    <t>　① 施設及び設備の整備のために国及び地方公共団体等から受領した補助金、助成金及び交付金等
　② 設備資金借入金の返済時期に合わせて執行される補助金等のうち、施設整備時又は設備整備時において、そ
　　の受領金額が確実に見込まれており、実質的に施設整備事業又は設備整備事業に対する補助金等に相当する
　　もの。
　（注1）国庫補助金等とは、「社会福祉施設等施設整備費の国庫補助について」（平成17年10月5日付け厚生労働省
　　発社援第1005003号厚生労働省事務次官通知）に定める施設整備事業に対する補助金など、主として固定資産の
　　取得に充てられることを目的として、国及び地方公共団体等から受領した補助金、助成金及び交付金等をいう。ま
　　た、次のものも国庫補助金等に含まれる。
　　・自転車競技法第24条第6号などに基づいたいわゆる民間公益補助事業による助成金等
　　・施設整備及び設備整備の目的で共同募金会から受ける受配者指定寄附金以外の配分金
　　・設備資金借入金の返済時期に合わせて執行される補助金等のうち、施設整備時又は設備整備時においてその
　　 受領金額が確実に見込まれており、実質的に施設整備事業又は設備整備事業に対する補助金等に相当するも
　　 の</t>
    <phoneticPr fontId="2"/>
  </si>
  <si>
    <t>　(2) 利益相反取引を行う場合、重要な事実を開示して理事会の承認を受けている
　　か。</t>
    <rPh sb="5" eb="7">
      <t>リエキ</t>
    </rPh>
    <rPh sb="7" eb="9">
      <t>ソウハン</t>
    </rPh>
    <rPh sb="9" eb="11">
      <t>トリヒキ</t>
    </rPh>
    <rPh sb="12" eb="13">
      <t>オコナ</t>
    </rPh>
    <rPh sb="14" eb="16">
      <t>バアイ</t>
    </rPh>
    <rPh sb="17" eb="19">
      <t>ジュウヨウ</t>
    </rPh>
    <rPh sb="20" eb="22">
      <t>ジジツ</t>
    </rPh>
    <rPh sb="23" eb="25">
      <t>カイジ</t>
    </rPh>
    <rPh sb="27" eb="30">
      <t>リジカイ</t>
    </rPh>
    <rPh sb="31" eb="33">
      <t>ショウニン</t>
    </rPh>
    <rPh sb="34" eb="35">
      <t>ウ</t>
    </rPh>
    <phoneticPr fontId="2"/>
  </si>
  <si>
    <t>　(3) 利益相反取引を行った場合、遅滞なく、理事会に重要な事実を報告している
　　か。</t>
    <rPh sb="5" eb="7">
      <t>リエキ</t>
    </rPh>
    <rPh sb="7" eb="9">
      <t>ソウハン</t>
    </rPh>
    <rPh sb="9" eb="11">
      <t>トリヒキ</t>
    </rPh>
    <rPh sb="12" eb="13">
      <t>オコナ</t>
    </rPh>
    <rPh sb="15" eb="17">
      <t>バアイ</t>
    </rPh>
    <rPh sb="18" eb="20">
      <t>チタイ</t>
    </rPh>
    <rPh sb="23" eb="26">
      <t>リジカイ</t>
    </rPh>
    <rPh sb="27" eb="29">
      <t>ジュウヨウ</t>
    </rPh>
    <rPh sb="30" eb="32">
      <t>ジジツ</t>
    </rPh>
    <rPh sb="33" eb="35">
      <t>ホウコク</t>
    </rPh>
    <phoneticPr fontId="2"/>
  </si>
  <si>
    <t>（法人による確認方法）
　・履歴書若しくは誓約書等により候補者本人にこれらの者に該当しないことの確認を行う方法で差し支えない。
　・法人の判断により官公署が発行する書類により確認することも考えられる。
　・欠格事由の②「精神の機能の障害により職務を適正に執行するに当たって必要な認知、判断及び意思疎通を適切に行うことができない者」
　  の確認方法としては、誓約書等により候補者本人にこれらの者に該当しないことの確認を行う方法で差し支えないが、必要に応じて法人の
    判断により医師の診断書等により確認することが考えられる。なお、成年被後見人又は被保佐人であることのみをもって当該欠格事由に当
    たるとすることはできない。</t>
    <phoneticPr fontId="2"/>
  </si>
  <si>
    <t>○　関係行政庁の職員が法人の評議員になることは、法第61条に「国及び地方公共団体は法人の自主性を重んじ、不当な関与を行わないこ
　と」（第1項第2号）及び「法人が国及び地方公共団体に対して不当に管理的援助を求めないこと」（同項第3号）と規定し、公私分離の原則を定
　める趣旨に照らすと適当ではない。</t>
    <rPh sb="127" eb="129">
      <t>ゲンソク</t>
    </rPh>
    <rPh sb="130" eb="131">
      <t>サダ</t>
    </rPh>
    <phoneticPr fontId="2"/>
  </si>
  <si>
    <t>○　社会福祉協議会については、公私の関係者の協力によって組織され運営されるものであることから、関係行政庁の職員が評議員となるこ
　とのみをもって不当な関与であるとはいえないが、役員と同様に、評議員総数の5分の1を超える割合を占める場合は、不当な関与に当たる
　ものと考えられる（法第109条第5項（役員に関する規定））。</t>
    <phoneticPr fontId="2"/>
  </si>
  <si>
    <t>○　評議員会の決議は、法令及び定款に定める事項に限り行うことができる（法第45条の8第2項）。定款に定める事　
　項の他、次の事項について、評議員会の決議が必要である。
　　・理事、監事、会計監査人の選任及び解任　　　　　・計算書類の承認
　　・理事、監事の報酬等の決議　　　 　　　　　　　　　　・定款の変更
     （定款に報酬等の額を定める場合を除く。）　   　　 ・解散の決議
　　・理事等の責任の免除　　　　　　      　　 　　　　　　 ・合併の承認
　　・役員報酬等基準の承認　　　　　　　      　　　　　　 ・社会福祉充実計画の承認
　※　定時評議員会に提出された事業報告については、定款において承認が必要と定めた場合を除き、承認は不要
　　だが、理事による報告が必要となる（法第45条の30第3項）。</t>
    <phoneticPr fontId="2"/>
  </si>
  <si>
    <t>○　評議員会の決議には、その決議について、特別の利害関係を有する評議員が加わることはできないことから、当
  該特別の利害関係を有する評議員の存否については、その決議を行う前に、法人が各評議員について確認しておく
　必要がある。</t>
    <phoneticPr fontId="2"/>
  </si>
  <si>
    <t>○　理事に定款に定めた員数の3分の1を超えない欠員がある場合は、法令に直接的に明記されているものではない
　が、理事が、理事会の構成員として担う法人の業務執行の決定や、理事長等の職務の執行の監督等の役割が十分
　に発揮できないおそれがあり、法人運営上適当ではないことから、法人において欠員の補充のための検討や手続
　が進められている（理事会、理事長等が手続を進めている）必要がある。</t>
    <rPh sb="102" eb="104">
      <t>ジュウブン</t>
    </rPh>
    <phoneticPr fontId="2"/>
  </si>
  <si>
    <t>○　理事の解任事由
　・職務上の義務に違反し、又は職務を怠ったとき
　・心身の故障のため、職務の執行に支障があり、
　　又はこれに堪えないとき</t>
    <phoneticPr fontId="2"/>
  </si>
  <si>
    <t>　　ⅵ　当該理事が役員（注1）若しくは業務を執行する社員である他の同一の社会福祉法人以外の団体の役員、業務を執行する社員又は職
　　　員（同一の団体の役員等が当該社会福祉法人の理事の総数の3分の1を超える場合に限る。）</t>
    <phoneticPr fontId="2"/>
  </si>
  <si>
    <t>○　業務執行理事は、法人の代表権を有さない
　（理事長の職務代理者として法人の対外的な業
　務を執行することはできず、業務を執行する場合
　には理事長名で行う。）。</t>
    <rPh sb="46" eb="47">
      <t>ム</t>
    </rPh>
    <phoneticPr fontId="2"/>
  </si>
  <si>
    <t>○　社会福祉協議会については、公私の関係者の協力によって組織され運営されるものであることから、関係行政庁の職員が役員となること
　のみをもって不当な関与であるとはいえないが、役員総数（注2）の5分の1を超える割合を占める場合は不当な関与であると考えられるため、
　法により認められていない（法第109条第5項）。
　（注2）法第109条第5項は、役員総数に対する関係行政庁の職員である役員の割合について規定しており、役員、すなわち、理事と監事の合
　　　　計数で判断されるものである。</t>
    <phoneticPr fontId="2"/>
  </si>
  <si>
    <t>○　会計監査人設置法人の計算関係書類についての監査報告の内容及び手続
　(1) 監査報告の内容は次のとおりである（規則第2条の31）。
　　①　監事の監査の方法及びその内容
　　②　会計監査人の監査の方法又は結果を相当でないと認めたときは、その旨及びその理由（会計監査報告を期限
　　　　 までに受領していない場合はその旨）
　　③　重要な後発事象（会計監査報告の内容となっているものを除く。）
　　④　会計監査人の職務の遂行が適正に実施されることを確保するための体制に関する事項
　　⑤　監査のために必要な調査ができなかったときは、その旨及びその理由
　　⑥　監査報告を作成した日
　(2) 特定監事は、次に掲げる日のうちいずれか遅い日までに、特定理事及び会計監査人に対し、計算関係書類につ
       いての監査報告の内容を通知しなければならない（規則第2条の34第1項）。
　　①　会計監査報告を受領した日から1週間を経過した日
　　②　特定理事及び特定監事が合意により定めた日（合意がある場合）</t>
    <phoneticPr fontId="2"/>
  </si>
  <si>
    <t>○　事業報告等に係る監査
　(1) 監査報告等の内容は次のとおりである（規則第2条の36）。
　　① 監事の監査の方法及びその内容
　　② 事業報告等が法令又は定款に従い当該社会福祉法人の状況を正しく示しているかどうかについての意見
　　③ 当該法人の理事の職務の遂行に関し、不正の行為又は法令若しくは定款に違反する重大な事実があったとき
         は、その事実
　　④ 監査のため必要な調査ができなかったときは、その旨及びその理由
　　⑤ 監査に関連する内部管理体制に関する決定又は決議がある場合に、当該事項の内容が相当でないと認めると
         きは、その旨及びその理由
　　⑥ 監査報告を作成した日
　(2) 特定監事は、次に掲げる日のいずれか遅い日までに、特定理事に対し、事業報告等についての監査報告の内
　　容を通知しなければならない（規則第2条の37第１項）。
　　① 事業報告を受領した日から4週間を経過した日
　　② 事業報告の附属明細書を受領した日から1週間を経過した日
　　③ 特定理事及び特定監事が合意により定めた日（合意がある場合）</t>
    <rPh sb="115" eb="117">
      <t>イケン</t>
    </rPh>
    <phoneticPr fontId="2"/>
  </si>
  <si>
    <t>○　監事の義務（法第45条の18第3項により準用さ
　れる一般法人法第100条から第102条まで）
　① 理事の不正の行為がある若しくは当該行為を
　　　するおそれがあると認められる場合、又は法
　　　令、定款違反の事実若しくは著しく不当な事実
　　　があると認める場合は、遅滞なくその旨を理事
　　　会に報告すること。
　② 理事会に出席し、必要がある場合には意見を
　　　述べなければならないこと。
　③ 理事が評議員会に提出しようとする議案、書
　　　類、電磁的記録その他の資料を調査するこ
　　　と。この場合、法令違反等の事実があると認め
　　　るときはその調査結果を評議員会に報告する
　　　こと。</t>
    <rPh sb="229" eb="230">
      <t>ルイ</t>
    </rPh>
    <phoneticPr fontId="2"/>
  </si>
  <si>
    <r>
      <t>○　理事会を招集する者は、理事会の日の1週間</t>
    </r>
    <r>
      <rPr>
        <u/>
        <sz val="9"/>
        <color theme="1"/>
        <rFont val="ＭＳ Ｐゴシック"/>
        <family val="3"/>
        <charset val="128"/>
      </rPr>
      <t>（中7日間）</t>
    </r>
    <r>
      <rPr>
        <sz val="9"/>
        <color theme="1"/>
        <rFont val="ＭＳ Ｐゴシック"/>
        <family val="3"/>
        <charset val="128"/>
      </rPr>
      <t>又は定款においてこれを下回るものとして定めた期間以
　上前までに、各理事及び各監事に対してその通知を発出しなければならない（法第45条の14第9項により準用される
　一般法人法第94条第1項）。ただし、理事及び監事の全員の同意があるときは、招集通知を発出せずに理事会を開
　催することができる（法第45条の14第9項により準用される一般法人法第94条第2項）。
　　 なお、理事会の招集通知は、各監事（監事の全員）に対しても発出しなければならない。</t>
    </r>
    <phoneticPr fontId="2"/>
  </si>
  <si>
    <r>
      <t>○　理事会の招集通知を省略することについての</t>
    </r>
    <r>
      <rPr>
        <u/>
        <sz val="9"/>
        <color theme="1"/>
        <rFont val="ＭＳ Ｐゴシック"/>
        <family val="3"/>
        <charset val="128"/>
      </rPr>
      <t>理事及び監事の同意の取得・保存の方法</t>
    </r>
    <r>
      <rPr>
        <sz val="9"/>
        <color theme="1"/>
        <rFont val="ＭＳ Ｐゴシック"/>
        <family val="3"/>
        <charset val="128"/>
      </rPr>
      <t>について、法令上の制限
　はないが、法人において、</t>
    </r>
    <r>
      <rPr>
        <u/>
        <sz val="9"/>
        <color theme="1"/>
        <rFont val="ＭＳ Ｐゴシック"/>
        <family val="3"/>
        <charset val="128"/>
      </rPr>
      <t xml:space="preserve">理事及び監事の全員が同意書を提出することとする、又は理事会の議事録に当該同意
</t>
    </r>
    <r>
      <rPr>
        <sz val="9"/>
        <color theme="1"/>
        <rFont val="ＭＳ Ｐゴシック"/>
        <family val="3"/>
        <charset val="128"/>
      </rPr>
      <t>　</t>
    </r>
    <r>
      <rPr>
        <u/>
        <sz val="9"/>
        <color theme="1"/>
        <rFont val="ＭＳ Ｐゴシック"/>
        <family val="3"/>
        <charset val="128"/>
      </rPr>
      <t>があった旨を記載する等、書面若しくは電磁的記録による何らかの形で保存</t>
    </r>
    <r>
      <rPr>
        <sz val="9"/>
        <color theme="1"/>
        <rFont val="ＭＳ Ｐゴシック"/>
        <family val="3"/>
        <charset val="128"/>
      </rPr>
      <t>できるようにしておくことが望ましい。</t>
    </r>
    <phoneticPr fontId="2"/>
  </si>
  <si>
    <t>○　特定社会福祉法人（法１－４参照）は会計監査人の設置が義務付けられており、定款に会計監査人の設置につい
　て定めなければならない。また、設置義務がない法人も定款の定めにより会計監査人を設置することができ、会計
　監査人の選任手続や職務内容等は設置義務の有無にかかわらず同一である。</t>
    <phoneticPr fontId="2"/>
  </si>
  <si>
    <t>○　会計監査人は、法人の計算書類及びその附属明細書（計算関係書類）の監査を通じ、財務会計面から法人の適
　正な運営を確保する役割を有しているため、会計監査人が欠けた場合又は定款で定めた定款の員数が欠けた場合
　に、遅滞なく会計監査人が選任されないときは、監事は、一時会計監査人の職務を行うべき者を選任しなければなら
　ない（法第45条の6第3項）。
　　また、会計監査人は、決算時に計算関係書類の監査を行うだけでなく、会計年度を通じて、法人の計算関係書類
　の信頼性の確保のために必要な対応を行うものであることから、会計監査人設置法人は、会計監査人が欠けた場
　合には、遅滞なく会計監査人を選任すべきである。
　　なお、会計監査人の設置義務がない法人であっても、定款に会計監査人を設置することを定めている場合は、会
　計監査人が欠けた場合には、遅滞なく補充しなければならない。</t>
    <rPh sb="102" eb="103">
      <t>ア</t>
    </rPh>
    <phoneticPr fontId="2"/>
  </si>
  <si>
    <t>　　会計監査人候補者の選定を行うに当たっては、その業務の性質上、入札により最低価格を提示したことのみを選
　定の基準とすることは適当ではなく、通常の契約ルールとは別に、複数の公認会計士等から提案書等を入手し、法
　人において選定基準を作成し、提案内容について比較検討の上、選任する等の方法をとることが適当である。
　　なお、会計監査人候補者の選定に当たっては、公認会計士法（昭和23年法律第103号）の規定により、計算書類の
　監査を行うことができない者（注1）は会計監査人となることができない（法第45条の2第3項）ことから、このような者で
　ないかを確認する必要がある。
　（注1）公認会計士法の規定により計算書類の監査を行うことができない者
　　・公認会計士又はその配偶者が、当該法人の役員、これに準ずるもの若しくは財務に関する事務の責任ある担当
　　　者である、又は過去1年以内にこれらの者であった場合（公認会計士法第24条第1項第1号）
　　・税務顧問に就任している公認会計士又はその配偶者が、被監査法人から当該業務により継続的な報酬を受けて
　　　いる場合（公認会計士法第24条第1項第3号、同施行令第7条第1項第6号）</t>
    <phoneticPr fontId="2"/>
  </si>
  <si>
    <t>○　報酬等の支給基準については、民間事業者の役員の報酬等及び従業員の給与、当該社会福祉法人の経理の状
　況その他の事情を考慮して、不当に高額なものとならないような支給の基準を定めなければならない（法第45条の
　35第1項）。
　　 この報酬等の支給基準や支給額（水準）の妥当性については、民間事業者の役員の報酬等及び従業員の給与、
　当該社会福祉法人の経理の状況その他の事情を考慮して、不当に高額なものでないことを具体的に検討した上で
　基準を作成し評議員会の承認を受けること並びに支給基準及び報酬総額を公表することにより担保する仕組みとし
　ているものである。</t>
    <rPh sb="49" eb="50">
      <t>ジョウ</t>
    </rPh>
    <phoneticPr fontId="2"/>
  </si>
  <si>
    <t>○　報酬等の額や報酬等の支給基準を定めることとされていることは、評議員や役員に報酬等を支給しなければなら
　ないことを意味するものではなく、無報酬とすることも認められる。その場合には、原則として報酬等の額や報酬等の
　支給基準を定めるときに無報酬である旨を定めることとなるが、定款において無報酬と定めた場合については、支
　給基準を別途作成する必要はない。</t>
    <phoneticPr fontId="2"/>
  </si>
  <si>
    <t>○　理事の報酬等について、定款にその額を定め
　ていない場合であって、その報酬について無報酬
　とする場合には、評議員会で無報酬であることを
　決議する必要がある。
　※報酬等の額を「1人当たりの各年度の総額が
　　○○円を超えない範囲で」と定めることも可。</t>
    <phoneticPr fontId="2"/>
  </si>
  <si>
    <t>○　法人の行う事業の種類は定款の必要的記載事
　項であり、法人の公益性を踏まえると、定款には
　行う事業を正確に定める必要があるため、法人
　が新たな種類の事業を開始する場合や既存の種
　類の事業を廃止する場合には、定款を変更する
　必要がある。なお、定款は法人の基本的事項を
　定めるものとして公表される（法第59条の2第1
　項第1号）。</t>
    <rPh sb="21" eb="22">
      <t>ジ</t>
    </rPh>
    <phoneticPr fontId="2"/>
  </si>
  <si>
    <t>　　この「主たる地位を占める」こととは、事業規模が法人の全事業のうち50%を超えていることをいうものと解される。　
　　事業規模の判断については、年度毎の特別な事情の影響を除くため、法人の経常的費用により判断することが適
　当であることから、原則、事業活動内訳表（会計省令第7条の2第1項第2号ロ（2））におけるサービス活動増減の部の
　サービス活動費用計の比率により判断することとする。
　　ただし、所轄庁がその他の客観的指標により社会福祉事業が法人の行う事業のうちの「主たる地位を占める」と認
　める場合はこの限りではない。
　（注1）社会福祉事業の範囲
　　　社会福祉事業は法第2条第2項各号に規定する第1種社会福祉事業及び同条第3項各号に規定する第2種社会福
　　祉事業を指す。
　　　共同募金会が行う共同募金事業は第1種社会福祉事業に当たり（法第113条第1項）、また、地方公共団体が設置
　　した施設の経営の委託を受けその施設を経営する事業も、公益事業ではなく社会福祉事業に当たる（審査要領第
　　1の1の（4））。
○　法人は、社会福祉事業を行うことを目的として設立されるものであるため、法人の行う社会福祉事業に支障のない
　範囲であれば、公益事業又は収益事業を行うことができる（法第26条第1項）。
　　公益事業及び収益事業は社会福祉事業に対して従たる地位にあり（審査要領第１の2の（4）、3の（5））、原則とし
　て、社会福祉事業の収入を公益事業又は収益事業に充てることはできないものと解される。
　　もっとも、各福祉サービスに関する収入については、通知の定めにより、法人本部への繰入れや他の社会福祉事
　業又は公益事業への充当が一定の範囲で認められる。（注2）
　（注2）各制度の取扱いについては、次の通知及びこれらの通知の関連通知を参照
　　・「社会福祉法人が経営する社会福祉施設における運営費の運用及び指導について」（平成16年3月12日付け雇
　　　児発第0312001号、社援発第0312001号、老発第0312001号厚生労働省雇用均等・児童家庭局長、社会援護局
　　　長及び老健局長連名通知）
　　・「子ども・子育て支援法附則第6条の規定による私立保育所に対する委託費の経理等について」（平成27年9月3
　　　日付け府子本第254号、雇児発0903第6号内閣府子ども・子育て本部統括官及び厚生労働省雇用均等・児童家
　　　庭局長連名通知）
　　・「特別養護老人ホームにおける繰越金等の取扱い等について」（平成12年3月10日付け老発第188号厚生省老人
　　　保健福祉局長通知）
　　・「障害者自立支援法の施行に伴う移行時特別積立金等の取扱いについて」（平成18年10月18日付け障発第
　　　1018003号厚生労働省社会・援護局障害保健福祉部長通知）</t>
    <rPh sb="161" eb="162">
      <t>ウゴ</t>
    </rPh>
    <rPh sb="1094" eb="1095">
      <t>ジン</t>
    </rPh>
    <phoneticPr fontId="2"/>
  </si>
  <si>
    <r>
      <t>○　原則として、法人は、社会福祉事業を行うために直接必要である全ての物件について、所有権を有していること
　又は国若しくは地方公共団体から貸与若しくは使用許可を受けていることを要する（審査基準第2の1の(1)前段）。
　　もっとも、特定の事業については、一定金額以上の資産を有すること等を条件に、物件の全部又は一部につい
　て、国又は地方公共団体以外の者から貸与を受けることが認められている。
【特定の事業に係る特例】
　１　</t>
    </r>
    <r>
      <rPr>
        <u/>
        <sz val="9"/>
        <color theme="1"/>
        <rFont val="ＭＳ Ｐゴシック"/>
        <family val="3"/>
        <charset val="128"/>
      </rPr>
      <t>地域活動支援センターを設置する場合</t>
    </r>
    <r>
      <rPr>
        <sz val="9"/>
        <color theme="1"/>
        <rFont val="ＭＳ Ｐゴシック"/>
        <family val="3"/>
        <charset val="128"/>
      </rPr>
      <t xml:space="preserve">
　　　法人が1000万円以上に相当する資産（現金、預金、確実な有価証券又は不動産に限る。）を有している場合に
　　は、施設用不動産について国若しくは地方公共団体から貸与若しくは使用許可、又は国若しくは地方公共団体以
　　外の者から貸与を受けていても差し支えない。
　　（審査基準第2の1の（2）のイ、「障害者の日常生活及び社会生活を総合的に支援するための法律に基づく地域活
　　動支援センターの経営を目的として社会福祉法人を設立する場合の資産要件等について」（平成24年3月30日付
　　け社援発0330第５号厚生労働省社会・援護局長通知））
　２　</t>
    </r>
    <r>
      <rPr>
        <u/>
        <sz val="9"/>
        <color theme="1"/>
        <rFont val="ＭＳ Ｐゴシック"/>
        <family val="3"/>
        <charset val="128"/>
      </rPr>
      <t xml:space="preserve">国又は地方公共団体以外の者から不動産の貸与を受けて既設法人がサテライト型居住施設である地域密着型
</t>
    </r>
    <r>
      <rPr>
        <sz val="9"/>
        <color theme="1"/>
        <rFont val="ＭＳ Ｐゴシック"/>
        <family val="3"/>
        <charset val="128"/>
      </rPr>
      <t>　　</t>
    </r>
    <r>
      <rPr>
        <u/>
        <sz val="9"/>
        <color theme="1"/>
        <rFont val="ＭＳ Ｐゴシック"/>
        <family val="3"/>
        <charset val="128"/>
      </rPr>
      <t>特別養護老人ホーム以外の特別養護老人ホームを設置する場合</t>
    </r>
    <r>
      <rPr>
        <sz val="9"/>
        <color theme="1"/>
        <rFont val="ＭＳ Ｐゴシック"/>
        <family val="3"/>
        <charset val="128"/>
      </rPr>
      <t xml:space="preserve">
　　　法人が1000万円以上に相当する資産（現金、預金又は確実な有価証券に限る。）を有する等の要件を満たす場
　　合には、当該特別養護老人ホームの用に供する不動産の全てについて、国及び地方公共団体以外の者から貸与
　　を受けていても差し支えない。
　　（審査基準第2の1の（2）のク、「国又は地方公共団体以外の者から不動産の貸与を受けて既設法人がサテライト型
　　居住施設である地域密着型特別養護老人ホーム以外の特別養護老人ホームを設置する場合の要件緩和につ
　　いて」（平成28年7月27日付け社援発0727第1号・老発0727第1号厚生労働省社会・援護局長及び老健局長連名通
　　知）</t>
    </r>
    <rPh sb="554" eb="555">
      <t>ガタ</t>
    </rPh>
    <rPh sb="691" eb="693">
      <t>タイヨ</t>
    </rPh>
    <rPh sb="765" eb="766">
      <t>ガタ</t>
    </rPh>
    <phoneticPr fontId="2"/>
  </si>
  <si>
    <t>○　次の事業の経営を目的として法人を設立する場合については、一定期間の事業実績等を有すること等の要件を
　満たす場合には、1000万円以上に相当する資産を基本財産とすることで足りる。
　　（「居宅介護等事業の経営を目的として社会福祉法人を設立する場合の資産要件等について」（平成12年9月8日
　　　付け障第671号・社援第2030号・老発第629号・児発第733号厚生省大臣官房障害保健福祉部長、社会・援護局
　　　長、老人保健福祉局長及び児童家庭局長連名通知）、「共同生活援助事業等の経営を目的として社会福祉法人
　　　を設立する場合の資産要件等について」（平成14年8月30日付け社援発第0830007号・老発第0830006号厚生労
　　　働省社会・援護局長及び老健局長連名通知）、「介助犬訓練事業又は聴導犬訓練事業の経営を目的として社会
　　　福祉法人を設立する場合の資産要件の緩和等について」（平成15年5月8日付け社援発第0508002号厚生労働省
　　　社会・援護局長通知））
　　・居宅介護等事業（母子家庭居宅介護等事業、寡婦居宅介護等事業、父子家庭居宅介護等事業、老人居宅介護
　　　等事業、障害福祉サービス事業（居宅介護、重度訪問介護、同行援護又は行動援護に係るものに限る。））
　　・共同生活援助事業等（認知症対応型老人共同生活援助事業、小規模多機能型居宅介護事業及び複合型サー
　　　ビス福祉事業又は障害福祉サービス（共同生活援助に係るものに限る。））
　　・介助犬訓練事業又は聴導犬訓練事業</t>
    <rPh sb="257" eb="258">
      <t>ジン</t>
    </rPh>
    <phoneticPr fontId="2"/>
  </si>
  <si>
    <t>　・必要な者に対し、相談、情報提供・助言、行政や福祉・保健・医療サービス事業者等との連絡調整を行う等の事業
　・必要な者に対し、入浴、排せつ、食事、外出時の移動、コミュニケーション、スポーツ・文化的活動、就労、住環境の
　　調整等（以下「入浴等」という。）を支援する事業
　・入浴等の支援が必要な者、独力では住居の確保が困難な者等に対し、住居を提供又は確保する事業
　・日常生活を営むのに支障がある状態の軽減又は悪化の防止に関する事業
　・入所施設からの退院・退所を支援する事業
　・子育て支援に関する事業
　・福祉用具その他の用具又は機器及び住環境に関する情報の収集・整理・提供に関する事業
　・ボランティアの育成に関する事業
　・社会福祉の増進に資する人材の育成・確保に関する事業（社会福祉士・介護福祉士・精神保健福祉士・保育士・
　　コミュニケーション支援者等の養成事業等）
　・社会福祉に関する調査研究等
　・法第2条第4項第4号に掲げる事業（いわゆる事業規模要件（注2）を満たさないために社会福祉事業に含まれない
　　事業）
　・介護保険法に規定する居宅サービス事業、地域密着型サービス事業、介護予防サービス事業、地域密着型介護
　 予防サービス事業、居宅介護支援事業、介護予防支援事業、介護老人保健施設、介護医療院を経営する事業又
　　は地域支援事業を市町村から受託して実施する事業
　・有料老人ホームを経営する事業
　・社会福祉協議会等において、社会福祉協議会活動等に参加する者の福利厚生を図ることを目的として、宿泊所、
　　保養所、食堂等の経営する事業
　・公益的事業を行う団体に事務所、集会所等として無償又は実費に近い対価で使用させるために会館等を経営する
　  事業（なお、営利を行う者に対して、無償又は実費に近い対価で使用させるような計画は適当でない。また、このよ
　　うな者に対し収益を得る目的で貸与する場合は、収益事業となる。）</t>
    <phoneticPr fontId="2"/>
  </si>
  <si>
    <t>○　収益事業については、公益事業と同様に、その会計を社会福祉事業に関する会計から区分し、特別の会計として
　経理しなければならない。
　　 この「特別の会計として経理」することとは、公益事業と同様に、社会福祉法人会計基準の規定に基づき、収益事
　業に関する事業区分を設定し、社会福祉事業及び公益事業と区分して会計処理をする（会計省令第7条第2項第1
　号）ことをいう。</t>
    <rPh sb="123" eb="124">
      <t>ギョウ</t>
    </rPh>
    <phoneticPr fontId="2"/>
  </si>
  <si>
    <t>　【法人の社会的信用を傷つけるおそれがあるもの（審査要領第1の3の（2））】
　　① 風俗営業等の規制及び業務の適正化等に関する法律に規定する風俗営業、性風俗関連特殊営業及び特定遊
　　　　興飲食店営業
　　② 高利な融資事業
　　③ ①又は②の事業に不動産を貸し付ける等の便宜を供与する事業</t>
    <rPh sb="85" eb="86">
      <t>オヨ</t>
    </rPh>
    <phoneticPr fontId="2"/>
  </si>
  <si>
    <t>○　職員の任免は、理事会で定める規程あるいは
　個別の決議により、その決定を理事長等に委ね
　ることができるが、施設長等の「重要な役割を担
　う職員」の選任及び解任については、法人の事業
　運営への影響が大きいことから、その決定を理事
　長等に委任することはできず、理事会の決議に
　より決定される必要がある（法第45条の13第4項
　第3号）。</t>
    <rPh sb="24" eb="25">
      <t>コ</t>
    </rPh>
    <phoneticPr fontId="2"/>
  </si>
  <si>
    <t>○　その他財産のうち、社会福祉事業の存続要件となっているものは、その財産が欠けることにより法人の目的であ
　る社会福祉事業の継続に支障を来すこととなるため、当該財産の管理が適正にされ、その処分がみだりに行われて
　はならない。
　　また、社会福祉事業の存続要件となっている財産の管理や処分について、法人において、管理運用体制（法人の
　財産全体の管理運用体制に包含されるものでも差し支えない。）の整備を図るべきである。</t>
    <phoneticPr fontId="2"/>
  </si>
  <si>
    <t>　① 基本財産以外の資産の管理運用の場合
　　　ただし、あくまで管理運用であることを明確にするため、上場株や店頭公開株のように、証券会社の通常の取引
　　　を通じて取得できるものに限る。
　② 基本財産として寄附された場合（設立後に寄附されたものも含む。）
　③ 未公開株のうち次の要件を満たすもの
　　・社会福祉に関する調査研究を行う企業の未公開株であること
　　・法人において、実証実験の場を提供する等、企業が行う社会福祉に関する調査研究に参画していること
　　・未公開株への拠出（額）が法人全体の経営に与える影響が少ないことについて公認会計士又は税理士による確
　　　認を受けていること
　（注）次の通知の対象となる社会福祉施設の運営費や委託費の管理運用においては、株式投資が認められていな
　　　　いことに留意すること。
　　・「社会福祉法人が経営する社会福祉施設における運営費の運用及び指導について」（平成16年3月12日付け雇
　　　児発第0312001号、社援発第0312001号、老発第0312001号厚生労働省雇用均等・児童家庭局長、社会・援護局
　　　長及び老健局長連名通知）
　　・「子ども・子育て支援法附則第6条の規定による私立保育所に対する委託費の経理等について」
　　　（平成27年9月3日付け府子本第254号、雇児発0903第6号内閣府子ども・子育て本部統括官及び厚生労働省雇
　　　用均等・児童家庭局長連名通知）</t>
    <rPh sb="482" eb="483">
      <t>キョク</t>
    </rPh>
    <phoneticPr fontId="2"/>
  </si>
  <si>
    <t>○　社会福祉法人が株式保有等を行っている場合であって、特定の営利企業の全株式の20％以上を保有している場
　合については、法第59条の規定による現況報告書と合わせて、当該営利企業の概要として、事業年度末現在の次
　に定める事項を記載した書類を提出する必要がある（審査要領第2の（9）～（11））。
　① 名称
　② 事務所の所在地
　③ 資本金等
　④ 事業内容
　⑤ 役員の数及び代表者の氏名
　⑥ 従業員の数
　⑦ 当該社会福祉法人が保有する株式等の数及び全株式等に占める割合
　⑧ 保有する理由
　⑨ 当該株式等の入手日
　⑩ 当該社会福祉法人と当該営利企業との関係（人事、取引等）</t>
    <rPh sb="51" eb="52">
      <t>バ</t>
    </rPh>
    <phoneticPr fontId="2"/>
  </si>
  <si>
    <t xml:space="preserve">○　法人は、社会福祉事業を行うために直接必要
　な全ての物件について、原則として、所有権を有
　していること又は国若しくは地方公共団体から貸
　与若しくは使用許可を受けていることが求められ
　る。
　　なお、都市部等土地の取得が極めて困難な地
　域においては、不動産の一部（社会福祉施設を
　経営する法人の場合には、土地）に限り国若しく
　は地方公共団体以外の者から貸与を受けている
　こととして差し支えないが、この場合には、事業の
　存続に必要な期間の地上権又は賃借権を設定
　し、かつ、これを登記しなければならない。
</t>
    <phoneticPr fontId="2"/>
  </si>
  <si>
    <r>
      <t xml:space="preserve">　② </t>
    </r>
    <r>
      <rPr>
        <u/>
        <sz val="9"/>
        <color theme="1"/>
        <rFont val="ＭＳ Ｐゴシック"/>
        <family val="3"/>
        <charset val="128"/>
      </rPr>
      <t>既設法人以外の法人が保育所を設置する場合</t>
    </r>
    <r>
      <rPr>
        <sz val="9"/>
        <color theme="1"/>
        <rFont val="ＭＳ Ｐゴシック"/>
        <family val="3"/>
        <charset val="128"/>
      </rPr>
      <t xml:space="preserve">
　　　国又は地方公共団体以外の者から施設用地の貸与を受けて設置することが認められる範囲が都市部以外等地
　　域であって緊急に保育所の整備が求められる地域に拡大されている。
　　　（審査基準第2の1の（2）のオ、「不動産の貸与を受けて保育所を設置する場合の要件緩和について」（平成16年
　　5月24日付け雇児発第0524002号・社援発第0524008号厚生労働省雇用均等・児童家庭局長及び社会・援護局長
　　連名通知）
　　　なお、貸主が、地方住宅供給公社若しくはこれに準ずる法人、又は、地域における基幹的交通事業者等の信用
　　力の高い主体である場合などのように、安定的な事業の継続性の確保が図られると判断できる場合には、地上権
　　又は賃借権の登記を行わないこととしても差し支えない。</t>
    </r>
    <phoneticPr fontId="2"/>
  </si>
  <si>
    <t>○　法人における管理運営体制を明確にするた
  め、経理規程等に定めるところにより、会計責任
　者を理事長が任命することや、会計責任者又は
　理事長の任命する出納職員に取引の遂行、資産
　の管理及び帳簿その他の証憑書類の保存等会
　計処理に関する事務を行わせることなどを明確化
　すべきである。</t>
    <rPh sb="116" eb="117">
      <t>ケイ</t>
    </rPh>
    <rPh sb="137" eb="138">
      <t>カ</t>
    </rPh>
    <phoneticPr fontId="2"/>
  </si>
  <si>
    <t>○　公益事業（社会福祉事業と一体的に行われる
　ものであって、社会福祉事業と同一の拠点区分と
　することを認められているものを除く。）又は収益　
　事業を行う法人は計算書類の作成に関して、社
　会福祉事業に関する事業区分、公益事業又は収
　益事業に関する事業区分を設けなければならな
　い（法第26条第2項、会計省令第10条第1項）。</t>
    <phoneticPr fontId="2"/>
  </si>
  <si>
    <t>○　法人が行う事業については、会計管理の実態を勘案して、予算管理の単位とし、一体として運営される施設、事業
　所又は事務所に関しては、これらを一つの拠点とする拠点区分を設け、計算書類を作成することとされている（同
　上）。具体的な区分については、法令上の事業種別、事業内容及び実施する事業の会計管理の実態を勘案して区
　分を設定するものとする。</t>
    <rPh sb="52" eb="53">
      <t>ギョウ</t>
    </rPh>
    <rPh sb="108" eb="109">
      <t>ジョウ</t>
    </rPh>
    <rPh sb="160" eb="161">
      <t>ブン</t>
    </rPh>
    <phoneticPr fontId="2"/>
  </si>
  <si>
    <t>　　ⅱ　保育関係
　　　　 子ども・子育て支援法（平成24年法律第65号）第27条第1項に規定する特定教育・保育施設及び同法第29条第
　　　1項に規定する特定地域型保育事業（以下「保育所等」という。）を経営する事業と保育所等で実施される地域子
　　　ども・子育て支援事業については、同一のサービス区分として差し支えない。
　　　　 なお、保育所等で実施される地域子ども・子育て支援事業、その他特定の補助金等により行われる事業につ
　　　いては、当該補助金等の適正な執行を確保する観点から、同一のサービス区分とした場合においても合理的な
　　　基準に基づいて各事業費の算出を行うものとし、一度選択した基準は、原則継続的に使用するものとする。
　　　　また、各事業費の算出に当たっての基準及び内訳は、所轄庁や補助を行う自治体の求めに応じて提出できる
　　　よう書類により整理しておくものとする。</t>
    <rPh sb="66" eb="67">
      <t>ダイ</t>
    </rPh>
    <phoneticPr fontId="2"/>
  </si>
  <si>
    <t>○　会計省令等に定める会計処理の基本的取扱い
　・ 借入金、補助金及び寄附金はその目的に応じ
　　て帰属する拠点区分を決定し、適切な勘定科目
　　に計上する。</t>
    <phoneticPr fontId="2"/>
  </si>
  <si>
    <t xml:space="preserve">  ・ 共通支出（費用）については、留意事項のとおり、例えば、人件費であれば勤務時間割合等、建物であれば延床
     面積等によって配分することとされており、法人において、どのような配分方法を用いたか分かるように記録したう
     えで、その配分方法に従って適切に処理する。
  ・ 事業区分間及び拠点区分間における内部取引については、 計算書類各号第2様式及び第3様式において相殺消
　　去することとされており、法人単位の計算書類（各号第1様式）において、全ての内部取引が相殺消去されている。
  ・ 貸借対照表上、未収金、前払金、未払金、前受金等の経常的な取引によって発生した債権債務は、流動資産又は
     流動負債に表示する。
  ・ 貸借対照表上、貸付金、借入金等の経常的な取引以外の取引によって発生した債権債務については、貸借対照
     表日の翌日から起算して1年以内に入金又は支払の期限が到来するものは流動資産又は流動負債に、入金又は
     支払の期限が1年を超えて到来するものは固定資産又は固定負債に表示する。</t>
    <rPh sb="193" eb="194">
      <t>ケ</t>
    </rPh>
    <phoneticPr fontId="2"/>
  </si>
  <si>
    <t>○　会計基準においては、計算書類の作成に関し
  て、事業区分及び拠点区分を設けなければなら
  ず、法人は、計算書類として、法人全体、事業区
  分別及び拠点区分別の貸借対照表、資金収支計
  算書並びに事業活動計算書を作成しなければな
  らない。
　　 なお、法人が行う事業により、内容が重複する
  ものとなる場合は省略できることが定められてい
  る。</t>
    <rPh sb="94" eb="95">
      <t>ケイ</t>
    </rPh>
    <phoneticPr fontId="2"/>
  </si>
  <si>
    <t>○　資金収支計算書の当期末支払資金残高と貸借
　対照表の当年度末支払資金残高（流動資産と流
　動負債の差額。ただし、1年基準（注）により固定
　資産又は固定負債から振り替えられた流動資産・
　流動負債、引当金及び棚卸資産（貯蔵品を除く。）
　は一致する。</t>
    <phoneticPr fontId="2"/>
  </si>
  <si>
    <t>（注）「一年以内○○」と表示しない勘定科目もある
  ため留意する。（例：長期前払費用から前払費用、
　投資有価証券から有価証券）</t>
    <phoneticPr fontId="2"/>
  </si>
  <si>
    <t>○　寄附金申込書、寄附金領収書（控）、寄附金台帳の記録は全て対応しているべきである。
　（寄附者が匿名の場合等、寄附金申込書、寄附金領収書（控）が確認できない場合は寄附金台帳にて金額、使途等
　が記録されているべきである。）</t>
    <phoneticPr fontId="2"/>
  </si>
  <si>
    <t>○　減価償却は、各年度末における各資産の価額
　を表示するため、建物、構築物及び車輌運搬具
　等の使用又は時の経過により価値が減少するも
　ので、耐用年数が1年以上、かつ、原則として1個
　若しくは1組の金額が10万円以上の有形固定資
　産及び無形固定資産を対象として、原則として資
　産ごとに行う。
　　なお、土地など減価が生じない資産について
　は、減価償却を行わない。</t>
    <rPh sb="47" eb="48">
      <t>トウ</t>
    </rPh>
    <phoneticPr fontId="2"/>
  </si>
  <si>
    <t>○　特に、役員に対し支払う退職慰労金は、在任期間中の職務執行に対する後払いの報酬と考えられており、役員報
　酬と同様の手続を経る必要がある。支給額が役員退職慰労金に関する規程（役員報酬基準）により合理的に見積も
　ることが可能な場合には、将来支給する退職慰労金のうち、当該会計年度の負担に属すべき金額を当該会計年度
　の役員退職慰労引当金繰入に計上し、負債として認識すべき残高を役員退職慰労引当金として計上する。</t>
    <phoneticPr fontId="2"/>
  </si>
  <si>
    <t>○　法人が公的な退職金制度を活用している場合については、その内容に応じて
　　・独立行政法人福祉医療機構の実施する社会福祉施設職員等退職手当共済制度及び確定拠出年金制度のよう
    　に拠出以後に追加的な負担が生じない外部拠出型の制度を活用する場合は、当該制度の対象となる者につい
 　　ては、法人の資産から退職金の支払いを行うことはないため、退職給与引当金の計上は行わず、当該制度に基
      づく要拠出額である掛金額をもって費用処理すること
　  ・都道府県等の実施する退職共済制度において、退職一時金制度等の確定給付型を採用している場合は、約定
　　 の額を退職給付引当金に計上する。ただし、被共済職員個人の拠出金がある場合は、約定の給付額から被共済
      職員個人が既に拠出した掛金累計額を差し引いた額を退職給付引当金に計上することが原則であるが、簡便法
      として、期末退職金要支給額（約定の給付額から被共済職員個人が既に拠出した掛金累計額を差し引いた額）を
      退職給付引当金とし同額の退職給付引当資産を計上する方法や、社会福祉法人の負担する掛金額を退職給付
      引当資産とし同額の退職給付引当金を計上する方法を用いることができることとされている。</t>
    <phoneticPr fontId="2"/>
  </si>
  <si>
    <r>
      <t xml:space="preserve">○　基本金には、社会福祉法人が事業開始等に当
　たって財源として受け入れた寄附金の額を計上す
　る。
　① </t>
    </r>
    <r>
      <rPr>
        <u/>
        <sz val="9"/>
        <color theme="1"/>
        <rFont val="ＭＳ Ｐゴシック"/>
        <family val="3"/>
        <charset val="128"/>
      </rPr>
      <t xml:space="preserve">第1号基本金
</t>
    </r>
    <r>
      <rPr>
        <sz val="9"/>
        <color theme="1"/>
        <rFont val="ＭＳ Ｐゴシック"/>
        <family val="3"/>
        <charset val="128"/>
      </rPr>
      <t>　　　社会福祉法人の設立並びに施設の創設及び
　　増築等のために基本財産等を取得すべきもの
　　として指定された寄附金の額（具体的には、土
　　地、施設の創設、増築、増改築における増築
　　分、拡張における面積増加分及び施設の創設
　　及び増築時等における初度設備整備、非常通
　　報装置設備整備、屋内消火栓設備整備等の基
　　本財産等の取得に係る寄附金の額）</t>
    </r>
    <rPh sb="156" eb="157">
      <t>ブン</t>
    </rPh>
    <phoneticPr fontId="2"/>
  </si>
  <si>
    <r>
      <t xml:space="preserve">　② </t>
    </r>
    <r>
      <rPr>
        <u/>
        <sz val="9"/>
        <color theme="1"/>
        <rFont val="ＭＳ Ｐゴシック"/>
        <family val="3"/>
        <charset val="128"/>
      </rPr>
      <t>第2号基本金</t>
    </r>
    <r>
      <rPr>
        <sz val="9"/>
        <color theme="1"/>
        <rFont val="ＭＳ Ｐゴシック"/>
        <family val="3"/>
        <charset val="128"/>
      </rPr>
      <t xml:space="preserve">
　　　第１号の資産の取得等に係る借入金の元金償還に充てるものとして指定された寄附金の額（具体的には、施設
　　の創設及び増築等のために基本財産等を取得するにあたって、借入金が生じた場合において、その借入金の返
　　済を目的として収受した寄附金の総額）
　③ </t>
    </r>
    <r>
      <rPr>
        <u/>
        <sz val="9"/>
        <color theme="1"/>
        <rFont val="ＭＳ Ｐゴシック"/>
        <family val="3"/>
        <charset val="128"/>
      </rPr>
      <t>第3号基本金</t>
    </r>
    <r>
      <rPr>
        <sz val="9"/>
        <color theme="1"/>
        <rFont val="ＭＳ Ｐゴシック"/>
        <family val="3"/>
        <charset val="128"/>
      </rPr>
      <t xml:space="preserve">
　　　施設の創設及び増築時等に運転資金に充てるために収受した寄附金の額（具体的には、審査要領第2の（3）に
　　定める、当該法人の年間事業費の12分の１以上に相当する寄附金の額及び増築等の際に運転資金に充てるため
　　に収受した寄附金の額）</t>
    </r>
    <phoneticPr fontId="2"/>
  </si>
  <si>
    <t>○　法人が事業の一部又は全部を廃止し、かつ基本金組み入れの対象となった基本財産又はその他の固定資産が
　廃棄され、又は売却された場合には、当該事業に関して組み入れられた基本金の一部又は全部の額を取り崩し、そ
　の金額を事業活動計算書の繰越活動増減差額の部に計上する。</t>
    <phoneticPr fontId="2"/>
  </si>
  <si>
    <t xml:space="preserve">○　国庫補助金等特別積立金は、施設及び設備の
　整備のために国、 地方公共団体等から受領した
　補助金、助成金、交付金等（ 以下「国庫補助金
　等 」（注1）という。）の額を計上するものであり、具
　体的には、次のものを計上する。
</t>
    <rPh sb="97" eb="98">
      <t>グ</t>
    </rPh>
    <phoneticPr fontId="2"/>
  </si>
  <si>
    <t>○　注記事項のうち下記については、計算書類に
　おける金額の補足であるため、計算書類の金額
　と一致していなければならない。
　・基本財産の増減の内容及び金額（注記事項の
　　6）
　・基本金又は固定資産の売却若しくは処分に係る
　　国庫補助金等特別積立金の取崩し（注記事項
　　の7）
　・固定資産の取得価額、減価償却累計額及び当
    期末残高（注記事項の9）
　・債権の金額、徴収不能引当金の当期末残高、
    債権の当期末残高（注記事項の10）</t>
    <phoneticPr fontId="2"/>
  </si>
  <si>
    <t>○　法人が作成すべき各会計年度に係る計算書類
　の附属明細書は次のとおりであり、様式は、運用
　上の取扱いにおいて定められている（別紙3（①）
　から別紙3（⑲）まで）。ただし、該当する事由がな
　い場合は、当該附属明細書の作成は省略可能で
　ある。また、一部の附属明細書（注1及び注2）に
　ついては、複数の附属明細書のうちのいずれか
　を作成すればよい。</t>
    <phoneticPr fontId="2"/>
  </si>
  <si>
    <t>○　財産目録は、法人の全ての資産及び負債につ
　いて、貸借対照表科目、場所・物量等、取得年
　度、使用目的等、取得価額、減価償却累計額、貸
　借対照表価額を詳細に表示するために作成する
　ものであり、様式は運用上の取扱い別紙4（注）に
　おいて定められている。また、基本財産について
　は、定款の記載事項で あることから、定款の規定
　と一致する必要がある。</t>
    <rPh sb="47" eb="48">
      <t>ド</t>
    </rPh>
    <phoneticPr fontId="2"/>
  </si>
  <si>
    <t>（注）記載上の留意事項については次のとおりである。
　　  なお、母子生活支援施設、女性自立支援施設等の場所は公表することにより利用者の安全に支障を来す恐れが
　　あるため、これらの場所が記載された財産目録を公表する場合は取扱いに留意する必要がある。
　　・土地、建物が複数ある場合には、科目を拠点区分毎に分けて記載すること。
　　・同一の科目について控除対象財産に該当し得るものと、該当し得ないものが含まれる場合には、分けて記載する
　　　こと。
　　・科目を分けて記載した場合は、小計欄を設けて、「貸借対照表価額」欄と一致させること。
　　・「使用目的等」欄には、社会福祉法第55条の2の規定に基づく社会福祉充実残額の算定に必要な控除対象財産
　　　の判定を行うため、各資産の使用目的を簡潔に記載する。なお、負債については、「使用目的等」欄の記載を要
　　　しないこと。
　　・｢貸借対照表価額｣欄は、｢取得価額｣欄と｢減価償却累計額｣欄の差額と同額になることに留意すること。
　　・建物についてのみ｢取得年度｣欄を記載すること。
　　・減価償却資産（有形固定資産に限る）については、｢減価償却累計額｣欄を記載すること。また、ソフトウエアにつ
　　　いては、取得価額から貸借対照表価額を控除して得た額を「減価償却累計額」欄に記載すること。
　　・車輌運搬具の○○には会社名と車種を記載すること。車輌番号は任意記載とすること。
　　・預金に関する口座番号は任意記載とすること。</t>
    <phoneticPr fontId="2"/>
  </si>
  <si>
    <t>【特別の利益を与えてはならない関係者の範囲（令第13条の2）】
　① 当該社会福祉法人の設立者、理事、監事、評議員又は職員
　② ①の配偶者又は三親等内の親族
　③ ①②と事実上婚姻関係と同様の事情にある者
　④ ①から受ける金銭その他の財産によって生計を維持する者
　⑤ 当該法人の設立者が法人である場合は、その法人が事業活動を支配する法人又はその法人の事業活動を支配
　　　する者として省令で定めるもの（規則第1条の3）
　　ⅰ　法人が事業活動を支配する法人
　　　　 当該法人が他の法人の財務及び営業又は事業の方針の決定を支配している場合（注）における当該他の法
          人（（注）において「子法人」という。）とする。
　　ⅱ　法人の事業活動を支配する者
　　　　 一の者が当該法人の財務及び営業又は事業の方針の決定を支配している場合（注）における当該一の者と
　　　　 する。
　　（注）財務及び営業又は事業の方針の決定を支配している場合は次のとおり。
　　　① 一の者又はその一若しくは二以上の子法人が社員総会その他の団体の財務及び営業又は事業の方針を決
          定する機関における議決権の過半数を有する場合
　　　② 評議員の総数に対する次に掲げる者の数の割合が百分の五十を超える場合
　　　　ⅰ　一の法人又はその一若しくは二以上の子法人の役員（理事、監事、取締役、会計参与、監査役、執行役、
　　　　　　 その他これらに準ずる者をいう。）又は評議員
　　　　ⅱ　一の法人又はその一若しくは二以上の子法人の職員
　　　　ⅲ　当該評議員に就任した日前五年以内にⅰ又はⅱに掲げる者であった者
　　　　ⅳ　一の者又はその一若しくは二以上の子法人によって選任された者
　　　　ⅴ　当該評議員に就任した日前五年以内に一の者又はその一若しくは二以上の子法人によつて当該法人の
　　　　　　 評議員に選任されたことがある者</t>
    <rPh sb="184" eb="185">
      <t>ハイ</t>
    </rPh>
    <phoneticPr fontId="2"/>
  </si>
  <si>
    <t>　　（注1）厚生労働省令で定める書類（規則第10条第2項）
　　　　・計算書類
　　　　・役員等名簿
　　　　・現況報告書（規則第2条の41第１号から13号まで及び第16号に掲げる事項）（注2）
　　（注2）現況報告書の様式については、「社会福祉法人が届け出る「事業の概要等」等の様式について」（平成29年
　　　　3月29日付け雇児発0329第6号・社援発0329第48号・老発0329第30号、厚生労働省雇用均等・児童家庭局長及
　　　　び社会・援護局長、老健局長連名通知）に定めるところによる。
　　　　　 なお、公表の範囲については、法人の運営に係る重要な部分（注3）に限り、個人の権利利益が害されるおそ
　　　　れがある部分（注4）を除く。
　　（注3）法人の運営に係る重要な部分ではないことによる省略は、計算書類及び役員等名簿については想定されな
　　　　いが、現況報告書の様式はこの規定を踏まえ定められている。
　　（注4）個人の権利利益が害されるおそれがある部分としては、役員等名簿における個人の住所の記載や現況報
　　　　告における母子生活支援施設、女性自立支援施設等の所在地（公表することにより個人又は利用者の安全に
　　　　支障を来す恐れがある）がある。</t>
    <rPh sb="481" eb="483">
      <t>ボシ</t>
    </rPh>
    <rPh sb="483" eb="485">
      <t>セイカツ</t>
    </rPh>
    <rPh sb="485" eb="487">
      <t>シエン</t>
    </rPh>
    <rPh sb="487" eb="489">
      <t>シセツ</t>
    </rPh>
    <rPh sb="490" eb="492">
      <t>ジョセイ</t>
    </rPh>
    <rPh sb="492" eb="494">
      <t>ジリツ</t>
    </rPh>
    <rPh sb="494" eb="496">
      <t>シエン</t>
    </rPh>
    <rPh sb="496" eb="498">
      <t>シセツ</t>
    </rPh>
    <rPh sb="498" eb="499">
      <t>トウ</t>
    </rPh>
    <rPh sb="500" eb="503">
      <t>ショザイチ</t>
    </rPh>
    <rPh sb="504" eb="506">
      <t>コウヒョウ</t>
    </rPh>
    <rPh sb="513" eb="515">
      <t>コジン</t>
    </rPh>
    <rPh sb="515" eb="516">
      <t>マタ</t>
    </rPh>
    <rPh sb="517" eb="520">
      <t>リヨウシャ</t>
    </rPh>
    <rPh sb="521" eb="523">
      <t>アンゼン</t>
    </rPh>
    <rPh sb="529" eb="531">
      <t>シショウ</t>
    </rPh>
    <rPh sb="532" eb="533">
      <t>キタ</t>
    </rPh>
    <rPh sb="534" eb="535">
      <t>オソ</t>
    </rPh>
    <phoneticPr fontId="2"/>
  </si>
  <si>
    <t>○　インターネットの利用による公表については、原則として、法人（又は法人が加入する団体）のホームページへの
　掲載によるが、「社会福祉法人の財務諸表等電子開示システム」に記録する方法による届出を行い、内容が公表さ
　れた場合には、インターネットの利用による公表が行われたものとみなされる（規則第10条第2項）。</t>
    <phoneticPr fontId="2"/>
  </si>
  <si>
    <t>○　社会福祉事業の経営者は、自らその提供する
　福祉サービスの質の評価を行うことその他の措置
　を講ずることにより、常に福祉サービスを受ける
　者の立場に立って良質かつ適切な福祉サービス
　を提供するよう努めなければならない（法第78条
　第1項）。</t>
    <phoneticPr fontId="2"/>
  </si>
  <si>
    <t>　・苦情解決の手順としては、次のようなことが考えられる。
　　① 施設内への掲示、パンフレットの配布等による利用者に対する苦情解決責任者、苦情受付担当者及び第三者
　　　　委員の氏名・連絡先や、苦情解決の仕組みについての周知
　　② 苦情受付担当者又は第三者委員による利用者等からの苦情受付、苦情の受付内容と対応方法の記録
　　③ 受け付けた苦情の苦情解決責任者及び第三者委員への報告（苦情申出人が第三者委員への報告を明確に拒
　　　　否する意思表示をした場合を除く。）
　　④ 苦情解決責任者による苦情申出人との話し合いによる解決（苦情申出人又は苦情解決責任者は、必要に応じ
　　　　て第三者委員の助言を求めることができる。）
　　⑤ ④で解決できない場合は第三者委員の立ち会い
　　⑥ 「事業報告書」や「広報誌」等に実績を公表（個人情報に関するものを除く。）</t>
    <phoneticPr fontId="2"/>
  </si>
  <si>
    <t>○　苦情解決の取組については、その取組を行わないことが社会福祉法に違反するものではない（注2）が、法人は社
　会福祉事業の主な担い手として、その事業の質の向上を図り、適切なサービスを提供するための取組として積極的
　に行うべきものであって、実施要綱3の（3）において、監査周期の延長に関する判断基準の一つである。
　　（注2）福祉各法において、社会福祉施設等の基準として、苦情解決の取組を行う義務が定められている場合があ
　　　　る。</t>
    <phoneticPr fontId="2"/>
  </si>
  <si>
    <t>○　法人印及び代表者印の管理について管理者が
　定められているかなど管理が十分に行われてい
　るべきである。</t>
    <phoneticPr fontId="2"/>
  </si>
  <si>
    <t>ｶﾞｲﾄﾞﾗｲﾝ(Ⅰ-3-(1)-1）</t>
    <phoneticPr fontId="2"/>
  </si>
  <si>
    <t>ｶﾞｲﾄﾞﾗｲﾝ(Ⅰ-3-(2)-2）</t>
    <phoneticPr fontId="2"/>
  </si>
  <si>
    <t>ｶﾞｲﾄﾞﾗｲﾝ(Ⅰ-3-(2)-3）</t>
    <phoneticPr fontId="2"/>
  </si>
  <si>
    <t>ｶﾞｲﾄﾞﾗｲﾝ(Ⅰ-3-(2)-4）</t>
    <phoneticPr fontId="2"/>
  </si>
  <si>
    <t>○　理事の選任の手続において、選任された者に
　対する委嘱状による委嘱が必ず必要とされるもの
　ではないが、法人において、選任された者に委嘱
　状により理事に選任された旨を伝達するとともに
　、就任の意思の確認を行うことは差し支えない。</t>
    <phoneticPr fontId="2"/>
  </si>
  <si>
    <t>○　理事の解任は、評議員会の決議により行うが、
　安定的な法人運営や利用者の処遇に及ぼす影
　響が大きいことから、評議員会によって解任権が
　濫用されることがあってはならない。
　　（理事が形式的に職務上の義務に違反し又は
　職務を懈怠したという事実や健康状態のみをもっ
　て解任することはできず、現に法人運営に重大な
　損害を及ぼし、又は、適正な事業運営を阻害する
　ような、理事等の不適正な行為など重大な義務違
　反等がある場合に限定されるものと解される。）</t>
    <rPh sb="113" eb="114">
      <t>ショク</t>
    </rPh>
    <phoneticPr fontId="2"/>
  </si>
  <si>
    <t>○　法律上、法人の代表権を有する者は理事長の
   みとされ、理事長の代表権を他の者に委任する
   ことはできない（理事長の職務代行者を定め、職
   務代行者名で法人の代表権を行使できることと
   する旨の定款の記載は無効である。）。
　　 また、法人の代表者の登記については、法に
   定める理事長以外の者を代表者として登記する
   ことはできない。</t>
    <phoneticPr fontId="2"/>
  </si>
  <si>
    <t>○　理事長及び業務執行理事の選定又は解職に
  ついては、法令上の手続に関する特別の規定は
  なく、理事会の決議事項（法第45条の14）として、
  法令及び定款に定める手続に従って行う。
　・ 定款例第16条第2項参照</t>
    <rPh sb="76" eb="77">
      <t>ホウ</t>
    </rPh>
    <phoneticPr fontId="2"/>
  </si>
  <si>
    <t>○　毎会計年度の計算書類及び事業報告並びにこ
　れらの附属明細書は、厚生労働省令に定めると
  ころにより、監事の監査を受けなければならず（法
　第45 条の28（※））、計算書類及びその附属明細
　書（計算関係書類（規則第2条の26 第1項））の監
　査と、事業報告及びその附属明細書 （以下「事業　
　報告等」という。）の監査について、それぞれ監査
　報告の内容及びその作成等の手続に関する規定
　が法及び規則に設けられている。
 ※規則第2条の40第2項において財産目録の承認
　  手続についても当該条項が準用される。</t>
    <rPh sb="246" eb="247">
      <t>ツヅ</t>
    </rPh>
    <phoneticPr fontId="2"/>
  </si>
  <si>
    <t>　　　（令和　　年　　　月　　　日開催　理事会）</t>
    <phoneticPr fontId="2"/>
  </si>
  <si>
    <t>○　時価評価の対象となる「著しく低い」とは、時価が帳簿価額から概ね50%を超えて下落している場合をいう。
　　 ただし、「使用価値」（注）を算定することができる有形固定資産又は無形固定資産であって、当該資産の使用価
  値が時価を超えるものについては、取得価額から減価償却累計額を控除した価額を超えない限りにおいて、使用価
  値を付することができる。
　　（注）「使用価値」により評価できるのは、対価を伴う事業に供している固定資産に限られ、資産又は資産グループ
　　　　を単位とし、継続的使用と使用後の処分によって生ずると見込まれる将来キャッシュ・フローの現在価値をもっ
　　　　て算定する。</t>
    <phoneticPr fontId="2"/>
  </si>
  <si>
    <t>□役員の選任手続における関係
   書類（履歴書、誓約書 等）
□役員等名簿
□理事会の議事録
□評議員会の議事録 　等</t>
    <phoneticPr fontId="2"/>
  </si>
  <si>
    <t>□定款
□監事の選任に関する評議員会
   議事録
□理事会の議事録及びその他関
   係書類</t>
    <rPh sb="17" eb="18">
      <t>カイ</t>
    </rPh>
    <rPh sb="22" eb="23">
      <t>ギ</t>
    </rPh>
    <rPh sb="39" eb="40">
      <t>セキ</t>
    </rPh>
    <phoneticPr fontId="2"/>
  </si>
  <si>
    <t>□定款
□理事会の議事録
□借入金明細書（計算書類の附属
　 明細書）
□専決規程 等
□理事長による決裁文書
□借入契約書　　等</t>
    <phoneticPr fontId="2"/>
  </si>
  <si>
    <t>□地域における公益的な取組の
  　内容が確認できる書類
  　 （現況報告書、事業報告、法人
   　ホームページ 等）</t>
    <rPh sb="46" eb="47">
      <t>ジン</t>
    </rPh>
    <phoneticPr fontId="2"/>
  </si>
  <si>
    <t>□引当金明細書
   （計算書類の附属明細書）
□役員退職慰労引当金の計上の
    必要性の有無を検討している
　　法人作成資料
□役員退職慰労金に関する規程
　 （役員報酬基準）
□役員退職慰労引当金に係る会
    計伝票　　等</t>
    <phoneticPr fontId="2"/>
  </si>
  <si>
    <t>□引当金明細書（計算書類の附属
   明細書）
□退職給付引当金の計上の必要
   性の有無を検討している法人作
   成資料
□退職給付引当金に係る会計伝
   票　　等</t>
    <phoneticPr fontId="2"/>
  </si>
  <si>
    <t>□計算書類
□基本金明細書（計算書類の附属
   明細書）
□寄附の受け入れに関する書類
   （寄附申込書、贈与契約書等）
□基本金の計上に係る会計伝票
    等</t>
    <phoneticPr fontId="2"/>
  </si>
  <si>
    <t>□国庫補助金等特別積立金明細
   書（計算書類の附属明細書）
□国庫補助金等特別積立金の積
　 み立て、取り崩しに係る伝票
   等</t>
    <rPh sb="50" eb="51">
      <t>タ</t>
    </rPh>
    <phoneticPr fontId="2"/>
  </si>
  <si>
    <t>□社会福祉充実計画
□事業報告
□計算書類　　等</t>
    <phoneticPr fontId="2"/>
  </si>
  <si>
    <t>□第三者評価の結果報告書　等</t>
    <phoneticPr fontId="2"/>
  </si>
  <si>
    <t>□登記簿謄本
□登記手続の関係書類　　等</t>
    <phoneticPr fontId="2"/>
  </si>
  <si>
    <t>□契約書
□見積書
□稟議書　　等</t>
    <phoneticPr fontId="2"/>
  </si>
  <si>
    <t>□理事、監事及び評議員の報酬等
   の支給基準
□評議員会の議事録</t>
    <rPh sb="12" eb="14">
      <t>ホウシュウ</t>
    </rPh>
    <rPh sb="14" eb="15">
      <t>トウ</t>
    </rPh>
    <phoneticPr fontId="2"/>
  </si>
  <si>
    <t>□定款
□評議員会の議事録
□理事、監事及び評議員の報酬等
　 の支給基準
□報酬等の支払いの内容が確認
   できる書類</t>
    <rPh sb="28" eb="29">
      <t>トウ</t>
    </rPh>
    <phoneticPr fontId="2"/>
  </si>
  <si>
    <t>□定款
□財産目録
□登記簿謄本
□国又は地方公共団体の使用許
   可があることを確認できる書類
□基本財産の処分等に関する決
　 定を行った理事会の議事録
□評議員会の議事録</t>
    <rPh sb="30" eb="31">
      <t>モト</t>
    </rPh>
    <rPh sb="47" eb="48">
      <t>ショ</t>
    </rPh>
    <phoneticPr fontId="2"/>
  </si>
  <si>
    <t>□登記簿謄本
□国又は地方公共団体の使用許
   可があること又は国又は地方公
   共団体が借用を認めていること
   を証する書類（賃貸借契約書等）
□法人が行う事業・施設が確認で
　 きる書類</t>
    <phoneticPr fontId="2"/>
  </si>
  <si>
    <t xml:space="preserve">□計算書類
□財産目録
□残高を記録した補助簿
□預金通帳又は証書の原本
□金融機関発行の預金残高証明
   書
□棚卸資産の実地棚卸の結果
□固定資産の実地棚卸の結果
   等
</t>
    <phoneticPr fontId="2"/>
  </si>
  <si>
    <t>□計算書類の附属明細書（基本財
　 産及びその他の固定資産（有形
　　・無形固定資産）の明細書）
□固定資産管理台帳
□法人が減価償却計算を行ってい
   る補助簿
□減価償却費を計上した会計伝票
　 等</t>
    <rPh sb="96" eb="98">
      <t>デンピョウ</t>
    </rPh>
    <phoneticPr fontId="2"/>
  </si>
  <si>
    <t>□苦情解決責任者、苦情受付担当
   者、第三者委員の任命に関する
   書類
□苦情解決に関する規程類
□苦情解決の仕組みの利用者へ
   の周知のためのパンフレット　等</t>
    <phoneticPr fontId="2"/>
  </si>
  <si>
    <t>□決議を行った評議員会の議事録
□評議員会の招集通知
□評議員会の議題・議案を決定し
   た理事会の議事録
   ※変更認可書又は変更届出書
　　 は所轄庁で保存している書類
      を確認</t>
    <rPh sb="96" eb="98">
      <t>カクニン</t>
    </rPh>
    <phoneticPr fontId="2"/>
  </si>
  <si>
    <t>□評議員の選任手続における関係
   書類（履歴書、誓約書等）
□役員等名簿
□評議員会の議事録 等</t>
    <phoneticPr fontId="2"/>
  </si>
  <si>
    <t>□定款
□評議員会の議事録
□同意の意思表示の書面又は電　
　 磁的記録
□法人が決議に特別の利害関係
   を有する評議員がいるかを確認 
   した書類</t>
    <rPh sb="32" eb="33">
      <t>ジ</t>
    </rPh>
    <rPh sb="33" eb="34">
      <t>テキ</t>
    </rPh>
    <rPh sb="34" eb="36">
      <t>キロク</t>
    </rPh>
    <phoneticPr fontId="2"/>
  </si>
  <si>
    <t>１　定款</t>
    <phoneticPr fontId="2"/>
  </si>
  <si>
    <t>　(1) 定款の定めるところにより、社会福祉法人の適正な運営に必要な識見を有す
　　る者が選任されているか。
　　●評議員選任・解任委員会の開催実績（当年度及び前年度）
　　　（令和　　　年　　　月　　　日開催、出席委員数　　　名）
　　　（令和　　　年　　　月　　　日開催、出席委員数　　　名）
　　　（令和　　　年　　　月　　　日開催、出席委員数　　　名）</t>
    <phoneticPr fontId="2"/>
  </si>
  <si>
    <t>　(2) 定款の変更が評議員会の特別決議を経て行われているか。
　　  ●定款変更の特別決議を行った評議員会（当年度及び前年度）
　　　  （令和　　　年　　月　　日開催　評議員会）
　　　  （令和　　　年　　月　　日開催　評議員会）
　　　  （令和　　　年　　月　　日開催　評議員会）
　　　  （令和　　　年　　月　　日開催　評議員会）</t>
    <phoneticPr fontId="2"/>
  </si>
  <si>
    <t>３　評議員・評議
　員会</t>
    <rPh sb="10" eb="11">
      <t>イン</t>
    </rPh>
    <phoneticPr fontId="2"/>
  </si>
  <si>
    <t>□評議員の選任に関する書類
　 （評議員選任・解任委員会の資
   料、議事録等）
□就任承諾書 等</t>
    <phoneticPr fontId="2"/>
  </si>
  <si>
    <t>【各評議員又は各役員と特殊の関係にある者の範囲】
　① 配偶者
　② 三親等以内の親族
　③ 厚生労働省令で定める者（規則第2条の7、第2条の8）
　　ⅰ　当該評議員又は役員と婚姻の届出をしていないが事実上
　　　婚姻関係と同様の事情にある者
　　ⅱ　当該評議員又は役員の使用人
　　ⅲ　当該評議員又は役員から受ける金銭その他の財産によっ
　　　て生計を維持している者
　　ⅳ　ⅱ又はⅲの配偶者
　　ⅴ　ⅰ～ⅲの三親等以内の親族であって、これらの者と生計を一にする者
　　ⅵ　当該評議員又は役員が役員（注）若しくは業務を執行する社員である他の同一の社会福祉法人以外の団体の役員、業務を執行する社
       員又は職員（同一の団体の役員等が当該社会福祉法人の評議員の総数の3分の1を超える場合に限る。）
　　　（注）法人ではない団体で代表者又は管理人の定めがある場合には、その代表者又は管理人を含む。
　　ⅶ　他の社会福祉法人の役員又は職員（当該他の社会福祉法人の評議員となっている当該社会福祉法人の評議員及び役員の合計数が、
　　　当該他の社会福祉法人の評議員の総数の半数を超える場合に限る。）
　　ⅷ　次の団体の職員（国会議員又は地方議会の議員を除く。）（同一の団体の職員が当該社会福祉法人の評議員の総数の3分の1を超える
　　　場合に限る。）
　　　　・国の機関、地方公共団体、独立行政法人、国立大学法人、大学共同利用機関法人、地方独立行政法人、特殊法人、認可法人</t>
    <rPh sb="107" eb="109">
      <t>コンイン</t>
    </rPh>
    <rPh sb="109" eb="111">
      <t>カンケイ</t>
    </rPh>
    <rPh sb="561" eb="562">
      <t>コ</t>
    </rPh>
    <phoneticPr fontId="2"/>
  </si>
  <si>
    <t>□定款
□評議員名簿
□役員等名簿
□評議員の選任に関する書類
　 （評議員選任・解任委員会の議
   事録、委嘱状、就任承諾書等）
□理事の選任・解任等に関する書
   類（理事が選任された評議員会
   の議事録、委嘱状、就任承諾書
   等）</t>
    <phoneticPr fontId="2"/>
  </si>
  <si>
    <t>　(2) 招集通知に記載しなければならない事項は理事会の決議によっているか。
　　  ●理事会決議日　（令和　　年　　月　　日）</t>
    <phoneticPr fontId="2"/>
  </si>
  <si>
    <t>□定款
□理事の選任に関する評議員会の
　 議事録
□理事会の議事録
□その他関係書類</t>
    <phoneticPr fontId="2"/>
  </si>
  <si>
    <t>　　ⅶ　次の団体の職員（国会議員又は地方議会の議員を除く。）（同一の団体の職員が当該社会福祉法人の理事の総数の3分の1を超える場
　　　合に限る。）
　　　　・国の機関、地方公共団体、独立行政法人、国立大学法人、大学共同利用機関法人、地方独立行政法人、特殊法人、認可法人</t>
    <phoneticPr fontId="2"/>
  </si>
  <si>
    <t>　(3) 理事長及び業務執行理事の選定は理事会の決議で行われているか。
　　 ●選定した理事会（令和　　年　　月　　日開催）</t>
    <phoneticPr fontId="2"/>
  </si>
  <si>
    <t>◎法第45条の18第1項、
   第45条の28第1項及び第2
　 項
◎規則第2条の26から第2条
   の28まで、第2条の31、
   第2条の34から第2条の
   37まで</t>
    <phoneticPr fontId="2"/>
  </si>
  <si>
    <t>○　監事の監査については、計算関係書類の監査と事業報告等の監査のそれぞれについて、監査報告の内容を理
　事等に通知する監事（特定監事）を定めることができる（この監事を定めない場合は、全ての監事が通知を行うことと
　なる。規則第2条の28、第2条の34、第2条の37）。</t>
    <rPh sb="52" eb="53">
      <t>ジ</t>
    </rPh>
    <phoneticPr fontId="2"/>
  </si>
  <si>
    <t>○　法律上、理事会の決議に必要な出席者数
　（定足数）は議決に加わることのできる理事の過
　半数であり、決議に必要な賛成数は出席した理
　事の過半数であるが、定足数及び賛成数は定款
　の相対的記載事項であり、定款に過半数を超え
　る割合を定めた場合には、その割合となる。
　　 なお、定款においては、特定の議案に関する決
　議について、過半数を超える割合とすることを定
　めることもできる。</t>
    <phoneticPr fontId="2"/>
  </si>
  <si>
    <t>○　特別の利害関係：理事が、その決議について、法人に対する忠実義務（法第45条の16第1項）を履行することが困
　難と認められる利害関係を意味するもの。
　※　「特別の利害関係」がある場合
　　・理事の競業取引（理事が自己又は第三者のために当該法人の事業に属する取引を行うこと）の承認
　　・利益相反取引（理事が自己又は第三者のために法人と取引を行うこと）の承認
　　・理事の損害賠償責任の一部免除の決議　等</t>
    <phoneticPr fontId="2"/>
  </si>
  <si>
    <t>　　また、理事へ権限を委任する際は、その責任の所在を明らかにするため、委任する権限の内容を明確にすべきで
　ある。なお、理事会の権限の理事への委任は、理事会で定める規程あるいは個別の決議によって行うことができ、
　法令上、必ずしも規程によらなければならないわけではないが、権限の明確化のため、規程等で定めるべきである。
　（注1）理事に委任することができない事項（第45条の13第4項各号）
　　　① 重要な財産の処分及び譲受け
　　　② 多額の借財
　　　③ 重要な役割を担う職員の選任及び解任
　　　④ 従たる事務所その他の重要な組織の設置、変更及び廃止
　　　⑤ 内部管理体制の整備
　　　⑥ 役員等の損害賠償責任の一部免除</t>
    <phoneticPr fontId="2"/>
  </si>
  <si>
    <t>○　理事長及び業務執行理事は、理事会（注2）に
　おいて、3か月に1回以上職務の執行状況につい
　ての報告をする。
　　 なお、この報告の回数は定款の相対的記載事
　項であり、毎会計年度に4か月を超える間隔で2
　回以上（注3）とすることができる（法第45条の16
　第3項）。</t>
    <rPh sb="2" eb="5">
      <t>リジチョウ</t>
    </rPh>
    <rPh sb="5" eb="6">
      <t>オヨ</t>
    </rPh>
    <rPh sb="7" eb="9">
      <t>ギョウム</t>
    </rPh>
    <rPh sb="9" eb="11">
      <t>シッコウ</t>
    </rPh>
    <rPh sb="11" eb="13">
      <t>リジ</t>
    </rPh>
    <rPh sb="15" eb="17">
      <t>リジ</t>
    </rPh>
    <rPh sb="17" eb="18">
      <t>カイ</t>
    </rPh>
    <rPh sb="19" eb="20">
      <t>チュウ</t>
    </rPh>
    <rPh sb="31" eb="32">
      <t>ゲツ</t>
    </rPh>
    <rPh sb="34" eb="35">
      <t>カイ</t>
    </rPh>
    <rPh sb="35" eb="37">
      <t>イジョウ</t>
    </rPh>
    <rPh sb="37" eb="39">
      <t>ショクム</t>
    </rPh>
    <rPh sb="40" eb="42">
      <t>シッコウ</t>
    </rPh>
    <rPh sb="42" eb="44">
      <t>ジョウキョウ</t>
    </rPh>
    <rPh sb="51" eb="53">
      <t>ホウコク</t>
    </rPh>
    <rPh sb="66" eb="68">
      <t>ホウコク</t>
    </rPh>
    <rPh sb="69" eb="71">
      <t>カイスウ</t>
    </rPh>
    <rPh sb="72" eb="74">
      <t>テイカン</t>
    </rPh>
    <rPh sb="75" eb="78">
      <t>ソウタイテキ</t>
    </rPh>
    <rPh sb="78" eb="80">
      <t>キサイ</t>
    </rPh>
    <rPh sb="88" eb="89">
      <t>マイ</t>
    </rPh>
    <rPh sb="89" eb="91">
      <t>カイケイ</t>
    </rPh>
    <rPh sb="91" eb="93">
      <t>ネンド</t>
    </rPh>
    <rPh sb="96" eb="97">
      <t>ゲツ</t>
    </rPh>
    <rPh sb="98" eb="99">
      <t>コ</t>
    </rPh>
    <rPh sb="101" eb="103">
      <t>カンカク</t>
    </rPh>
    <rPh sb="111" eb="112">
      <t>チュウ</t>
    </rPh>
    <rPh sb="124" eb="125">
      <t>ホウ</t>
    </rPh>
    <rPh sb="125" eb="126">
      <t>ダイ</t>
    </rPh>
    <rPh sb="128" eb="129">
      <t>ジョウ</t>
    </rPh>
    <rPh sb="134" eb="135">
      <t>ダイ</t>
    </rPh>
    <rPh sb="136" eb="137">
      <t>コウ</t>
    </rPh>
    <phoneticPr fontId="2"/>
  </si>
  <si>
    <r>
      <t>　（注2）理事会への報告は、</t>
    </r>
    <r>
      <rPr>
        <u/>
        <sz val="9"/>
        <color theme="1"/>
        <rFont val="ＭＳ Ｐゴシック"/>
        <family val="3"/>
        <charset val="128"/>
      </rPr>
      <t>実際に開催された理事会（決議の省略によらない理事会）</t>
    </r>
    <r>
      <rPr>
        <sz val="9"/>
        <color theme="1"/>
        <rFont val="ＭＳ Ｐゴシック"/>
        <family val="3"/>
        <charset val="128"/>
      </rPr>
      <t>において行わなければならな
　　い。
　（注3）定款で理事長及び業務執行理事の報告を「毎会計年度に4か月を超える間隔で2回以上」と定めた場合、同一
　　の会計年度の中では理事会の間隔が4か月を超えている必要があるが、会計年度をまたいだ場合、前回理事会
　  から4か月を超える間隔が空いていなくても差し支えない。
　　　例えば、定款の定めに基づき、理事会を毎会計年度6月と3月に開催している場合、3月の理事会と6月の理事会
　　との間隔は4か月を超えるものではないが、会計年度をまたいでいるため、当該間隔が4か月を超えていなくても差
　　し支えない。
　　　 なお、理事の理事会への報告事項については、理事及び監事の全員に当該事項を通知したときは、当該事項
　  の理事会への報告を要しない（法第45条の14第9項により準用される一般法人法第98条第1項）。
　  　 例えば、同条第1項の規定により報告を省略できるものとしては、競業又は利益相反取引をした理事の当該取引
　　に関する報告（法第45条の16第4項により準用される一般法人法第92条第2項）がある。もっとも、上記の</t>
    </r>
    <r>
      <rPr>
        <u/>
        <sz val="9"/>
        <color theme="1"/>
        <rFont val="ＭＳ Ｐゴシック"/>
        <family val="3"/>
        <charset val="128"/>
      </rPr>
      <t xml:space="preserve">理事長及
</t>
    </r>
    <r>
      <rPr>
        <sz val="9"/>
        <color theme="1"/>
        <rFont val="ＭＳ Ｐゴシック"/>
        <family val="3"/>
        <charset val="128"/>
      </rPr>
      <t>　　</t>
    </r>
    <r>
      <rPr>
        <u/>
        <sz val="9"/>
        <color theme="1"/>
        <rFont val="ＭＳ Ｐゴシック"/>
        <family val="3"/>
        <charset val="128"/>
      </rPr>
      <t>び業務執行理事による職務の執行状況の定期的な報告については、</t>
    </r>
    <r>
      <rPr>
        <sz val="9"/>
        <color theme="1"/>
        <rFont val="ＭＳ Ｐゴシック"/>
        <family val="3"/>
        <charset val="128"/>
      </rPr>
      <t>この規定は適用されず（同条第2項）、</t>
    </r>
    <r>
      <rPr>
        <u/>
        <sz val="9"/>
        <color theme="1"/>
        <rFont val="ＭＳ Ｐゴシック"/>
        <family val="3"/>
        <charset val="128"/>
      </rPr>
      <t xml:space="preserve">必ず
</t>
    </r>
    <r>
      <rPr>
        <sz val="9"/>
        <color theme="1"/>
        <rFont val="ＭＳ Ｐゴシック"/>
        <family val="3"/>
        <charset val="128"/>
      </rPr>
      <t xml:space="preserve">　  </t>
    </r>
    <r>
      <rPr>
        <u/>
        <sz val="9"/>
        <color theme="1"/>
        <rFont val="ＭＳ Ｐゴシック"/>
        <family val="3"/>
        <charset val="128"/>
      </rPr>
      <t>実際に開催された理事会において報告を行う必要がある。</t>
    </r>
    <rPh sb="112" eb="114">
      <t>ドウイツ</t>
    </rPh>
    <rPh sb="164" eb="165">
      <t>ジ</t>
    </rPh>
    <phoneticPr fontId="2"/>
  </si>
  <si>
    <t>◎法第43条第1項、同条第3
　 項により準用される一般
   法人法第73条第1項</t>
    <phoneticPr fontId="2"/>
  </si>
  <si>
    <t>○　評議員会に提出された会計監査人の選任等及び解任並びに再任しないことに関する議案については、監事の過
　半数をもって決定する必要がある（法第43条第3項により準用される一般法人法第73条第1項）。
　※　会計監査人の任期は、選任後1年以内に終了する会計年度のうち最終のものに関する定時評議員会の終結の
　　時までである（法第45条の3第1項）が、その定時評議員会において会計監査人を再任しないとする決議がなされい　　
　　なかったときは当該定時評議員会において再任されたものとみなされる（同条第2項）ため、会計監査人を再任しな
　　い場合には、会計監査人を再任しないことに関する議案を提出する必要がある。</t>
    <phoneticPr fontId="2"/>
  </si>
  <si>
    <t>○　会計監査報告の記載事項（規則第2条の30）
　① 会計監査人の監査の方法及びその内容
　② 監査意見（法人単位の計算書類及びそれらに
　　　対応する附属明細書が当該法人の財産、収
　　　支及び純資産の増減の状況を全ての重要な
　　　点において適正に表示しているかどうかにつ
　　　いての意見）</t>
    <phoneticPr fontId="2"/>
  </si>
  <si>
    <t>○　評議員、役員（理事及び監事）の報酬等（注）については、法人の公益性を確保するとともに、法人の事業運営の
　透明性の向上を図るために情報公開を徹底する観点から、下記のとおり取り扱う必要がある。
　① 報酬等の額について、次の方法で定める。
　　ⅰ　評議員：定款で定める。
　　ⅱ　役員：定款で定める、又は、評議員会の決議により定める。
　② 評議員、理事、監事の報酬等の支給基準を作成し、評議員会の承認を受け、公表する。
　③ 評議員、理事、監事の区分毎の報酬等の額の総額を公表する。
　（注）「報酬等」とは、報酬、賞与その他の職務遂行の対価として受ける財産上の利益及び退職手当をいう。
　　　　　また、評議員会の出席等のための交通費は、実費相当額を支給する場合は報酬には該当しないが、実費相
　　　 当額を超えて支給する場合には、報酬等に含まれるものである。また、理事が職員を兼務している場合に、職
　　　 員として受ける財産上の利益及び退職手当は含まれない。
　　　　　なお、定款において無報酬と定めた場合を除き、①の報酬等の額の定めと②の報酬等の支給基準は、報酬
　　　 等の有無にかかわらず、両方を規定する必要がある。</t>
    <phoneticPr fontId="2"/>
  </si>
  <si>
    <t>○　評議員の報酬等の額は定款に定められる。
　　 なお、無報酬とする場合には、その旨を定款で
　定める必要がある。また、評議員の報酬等の支
　給基準を定めるが、定款と別に支給基準を定め、
　評議員会の承認を得たことにより、定款の定め
　が不要とはなるわけではない。</t>
    <phoneticPr fontId="2"/>
  </si>
  <si>
    <t>○　監事の報酬等の額は、理事の報酬等と同様
　に、定款にその額を定めていない場合には、評議
　員会の決議によって定める。
　　 定款にその額を定めていない場合で、無報酬
　である場合には、評議員会で無報酬であることを
　決議する必要がある。
　※報酬等の額を「1人当たりの各年度の総額が
　　○○円を超えない範囲で」と定めることも可。</t>
    <rPh sb="110" eb="111">
      <t>ケツ</t>
    </rPh>
    <phoneticPr fontId="2"/>
  </si>
  <si>
    <t>○　定款又は評議員会の決議によって監事の報酬
　総額のみが決定されているとき（注1）は、その具
　体的な配分は、監事の協議（注2）により定める。
　　 この監事の協議は全員一致の決定による必要
　がある。</t>
    <phoneticPr fontId="2"/>
  </si>
  <si>
    <t>○　理事、監事及び評議員に対する報酬等につい
　て、民間事業者の役員の報酬等及び従業員の給
　与、当該法人の経理の状況その他の事情を考慮
　して、不当に高額なものとならないような支給の
　基準を定めなければならない。
　　 また、支給基準については、評議員会の承認を
　受けなければならない。</t>
    <phoneticPr fontId="2"/>
  </si>
  <si>
    <t>◎法第45条の8第4項により
   準用される一般法人法第
   196条、法第45条の16第4
   項により準用される一般
   法人法第89条、法第45条
   の18第3項により準用され
　 る一般法人法第105条第1
   項、法第45条の35第1項、
   第2項
◎規則第2条の42</t>
    <rPh sb="101" eb="102">
      <t>イチ</t>
    </rPh>
    <phoneticPr fontId="2"/>
  </si>
  <si>
    <t>□計算書類及びその附属明細書
　 （特に「事業区分間及び拠点区分
　 間繰入金明細書」）
□事業報告
□理事会の議事録
□評議員会の議事録</t>
    <phoneticPr fontId="2"/>
  </si>
  <si>
    <t>□計算書類及びその附属明細書　
 　（特に「事業区分間及び拠点区分
　 間繰入金明細書」）
□事業報告
□理事会の議事録
□評議員会の議事録</t>
    <phoneticPr fontId="2"/>
  </si>
  <si>
    <t>○　実施する収益事業の種類について、法令上制限はないが、公益性の高い法人として、法人の社会的信用を傷つ
　けるおそれがあるもの又は投機的なものは適当でない。
　　 また、収益事業を行うことにより法人の社会福祉事業の円滑な遂行を妨げるおそれがあるものでないことが必要で
　ある。</t>
    <phoneticPr fontId="2"/>
  </si>
  <si>
    <t>　 　「安全、確実な方法」であることについては、基本財産に対する場合と同等の厳格な管理を求めるものではない
　が、理事長等の業務を執行する理事の独断による管理運用がなされたことによって法人の財産が大きく毀損する等
　のことがないようにするため、元本が確実に回収できるもの以外での管理運用を行う場合には、理事会において管
　理運用についての基準や手続を定めること等により法人内での事前又は事後のチェック機能が働くよう管理運用体
　制（法人の財産全体の管理運用体制に包含されるもので差し支えない）を整備すべきものである。
　　なお、株式投資又は株式を含む投資信託等による管理運用も認められるが、一定の制約がある。</t>
    <phoneticPr fontId="2"/>
  </si>
  <si>
    <t>　【社会福祉事業の用に供する不動産を国若しくは地方公共団体以外の者から借用している場合に、地上権若しくは　
    賃借権の登記を要さないもの】
　　※　賃借料が、地域の水準に照らして適正な額以下であるとともに、安定的に賃借料を支払い得る財源等が確保
　　　され、また、賃借料及びその財源が収支予算書に適正に計上されていなければならない。</t>
    <phoneticPr fontId="2"/>
  </si>
  <si>
    <t>□計算書類
□財産目録
□総勘定元帳（その他の帳簿、
   明細）
□請求書控（介護報酬請求書控、
   利用者請求書控）
□契約書
□請求書
□領収書</t>
    <phoneticPr fontId="2"/>
  </si>
  <si>
    <t>□固定資産管理台帳
□新規の固定資産の取得に係る
　 会計伝票
□契約書及び請求書等の関連証
　 証憑
□固定資産の配分に関する計算
   結果及び工事の見積書　　等</t>
    <rPh sb="22" eb="23">
      <t>カカ</t>
    </rPh>
    <rPh sb="45" eb="46">
      <t>ショウ</t>
    </rPh>
    <rPh sb="65" eb="66">
      <t>サン</t>
    </rPh>
    <phoneticPr fontId="2"/>
  </si>
  <si>
    <t>○　計算書類においては、その内容を補足するた
　めに、法人全体及び拠点区分ごとに注記事項が
　次のとおり定められている。
　　 なお、拠点区分が1つの法人は、法人全体と同
　一の内容となるため、拠点区分に関する注記は
　省略できることとされている。また、注記事項に該
　当がない場合には、事項によって、記載自体を省
　略できるものと、「該当なし」と記載するものがある
　ため、留意する必要がある。</t>
    <phoneticPr fontId="2"/>
  </si>
  <si>
    <t>　（注1）10 拠点区分資金収支明細書（別紙3（⑩））及び11 拠点区分事業活動明細書（別紙3（⑪））
　</t>
    <phoneticPr fontId="2"/>
  </si>
  <si>
    <t>10 拠点区分
資金収支明細書</t>
    <phoneticPr fontId="2"/>
  </si>
  <si>
    <t>11 拠点区分
事業活動明細書</t>
    <phoneticPr fontId="2"/>
  </si>
  <si>
    <t>サービス区分ごとに定める就労支援事業について、各就労支援事業の年間売上高が5,000万円以下であって、多種少額の生産活動を行う等の理由により、製造業務と販売業務に係る費用を区分することが困難な場合</t>
    <phoneticPr fontId="2"/>
  </si>
  <si>
    <t>・16 就労支援事業製造原価明細書及び17
　就労支援事業販管費明細書に代えて18
　就労支援事業明細書
・16-2 就労支援事業製造原価明細書（多
　機能型事業所等用）及び17-2就労支援
　事業販管費明細書（多機能型事業所等
　用）に代えて18-2就労支援事業明細書
　（多機能型事業所等用）</t>
    <phoneticPr fontId="2"/>
  </si>
  <si>
    <t>１ 借入金明細書</t>
    <phoneticPr fontId="2"/>
  </si>
  <si>
    <t>２ 寄附金収益明細書</t>
    <phoneticPr fontId="2"/>
  </si>
  <si>
    <t>３ 補助金事業等収益明細書</t>
    <phoneticPr fontId="2"/>
  </si>
  <si>
    <t>４ 事業区分間及び拠点区分間繰入金明細書</t>
    <phoneticPr fontId="2"/>
  </si>
  <si>
    <t>５ 事業区分間及び拠点区分間貸付金（借入金）残高明細書</t>
    <phoneticPr fontId="2"/>
  </si>
  <si>
    <t>６ 基本金明細書</t>
    <phoneticPr fontId="2"/>
  </si>
  <si>
    <t>７ 国庫補助金等特別積立金明細書</t>
    <phoneticPr fontId="2"/>
  </si>
  <si>
    <t>８ 基本財産及びその他の固定資産（有形・無形固定資産）の明細書</t>
    <phoneticPr fontId="2"/>
  </si>
  <si>
    <t>９ 引当金明細書</t>
    <phoneticPr fontId="2"/>
  </si>
  <si>
    <t>10 拠点区分資金収支明細書</t>
    <phoneticPr fontId="2"/>
  </si>
  <si>
    <t>11 拠点区分事業活動明細書</t>
    <phoneticPr fontId="2"/>
  </si>
  <si>
    <t>12 積立金・積立資産明細書</t>
    <phoneticPr fontId="2"/>
  </si>
  <si>
    <t>13 サービス区分間繰入金明細書</t>
    <phoneticPr fontId="2"/>
  </si>
  <si>
    <t>14 サービス区分間貸付金（借入金）残高明細書</t>
    <phoneticPr fontId="2"/>
  </si>
  <si>
    <t>15 就労支援事業別事業活動明細書</t>
    <phoneticPr fontId="2"/>
  </si>
  <si>
    <t>15-2 就労支援事業別事業活動明細書（多機能型事業所等用）</t>
    <phoneticPr fontId="2"/>
  </si>
  <si>
    <t>16 就労支援事業製造原価明細書</t>
    <phoneticPr fontId="2"/>
  </si>
  <si>
    <t>16-2 就労支援事業製造原価明細書（多機能型事業所等用）</t>
    <phoneticPr fontId="2"/>
  </si>
  <si>
    <t>17 就労支援事業販管費明細書</t>
    <phoneticPr fontId="2"/>
  </si>
  <si>
    <t>17-2 就労支援事業販管費明細書（多機能型事業所等用）</t>
    <phoneticPr fontId="2"/>
  </si>
  <si>
    <t>18 就労支援事業明細書</t>
    <phoneticPr fontId="2"/>
  </si>
  <si>
    <t>18-2 就労支援事業明細書（多機能型事業所等用）</t>
    <phoneticPr fontId="2"/>
  </si>
  <si>
    <t>19 授産事業費用明細書</t>
    <phoneticPr fontId="2"/>
  </si>
  <si>
    <t xml:space="preserve"> 11 満期保有目的の債券の内訳並びに帳簿価額、時価及び評価
      損益</t>
    <rPh sb="28" eb="30">
      <t>ヒョウカ</t>
    </rPh>
    <phoneticPr fontId="2"/>
  </si>
  <si>
    <t>○　「特別の利益」とは、社会通念に照らして合理性を欠く不相当な利益の供与その他の優遇をいう。
　例えば、法人の関係者からの不当に高い価格での物品等の購入や賃借、法人の関係者に対する法人の財産の不
　当に低い価格又は無償による譲渡や賃貸（規程に基づき福利厚生として社会通念に反しない範囲で行われるもの
　を除く。）、役員等報酬基準や給与規程等に基づかない役員報酬や給与の支給というような場合は該当すると考え
　られる。
　　 法人は、関係者に対する報酬、給与の支払や法人関係者との取引に関しては、報酬等の支払が役員等報酬基準
　や給与規程等に基づき行われていることや、これらの規程の運用について根拠なく特定の関係者が優遇されていな
　いこと、取引が定款や経理規程等に定める手続を経て行われていること等関係者への特別の利益の供与ではない
　ことについて、説明責任を負うものである。</t>
    <rPh sb="259" eb="261">
      <t>キジュン</t>
    </rPh>
    <phoneticPr fontId="2"/>
  </si>
  <si>
    <t>○　法人は、毎会計年度、貸借対照表の資産の部
　に計上した額から負債の部に計上した額を控除　
　して得た額が事業継続に必要な財産額（以下「控
　除対象財産」という。）を上回るかどうかを算定し
　なければならない。
　   さらに、これを上回る財産額（以下「社会福祉充
　実残額」という。）がある場合には、これを財源とし
　て、既存の社会福祉事業若しくは公益事業の充
  実又は新規事業の実施に関する計画（以下「社会
  福祉充実計画」という。）を策定し、これに基づく事
  業（以下「社会福祉充実事業」という。）を実施しな
  ければならない（法第55条の2）。</t>
    <rPh sb="21" eb="22">
      <t>ブ</t>
    </rPh>
    <rPh sb="43" eb="45">
      <t>コウジョ</t>
    </rPh>
    <phoneticPr fontId="2"/>
  </si>
  <si>
    <t>　　 これは、社会福祉充実残額が主として税金や保険料といった公費を原資とするものであることから、法人がその貴
　重な財産を地域住民に改めて還元するとともに、社会福祉充実計画の策定プロセスを通じ、その使途について、国
　民に対する法人の説明責任の強化を図るために行うものである。</t>
    <phoneticPr fontId="2"/>
  </si>
  <si>
    <t>○　法人の公益性を踏まえ、法人は、次の事項について、遅滞なくインターネットの利用
　により公表しなければならない（法第59条の2第1項、規則第10条第1項）。
　・定款の内容（所轄庁に法人設立若しくは変更の認可を受けたとき又は変更の届出を
　  行ったとき）
　・役員等報酬基準（評議員会の承認を受けたとき）
　・法第59条による届出をした書類のうち、厚生労働省令で定める書類の内容
　　（注1）（届出をしたとき）</t>
    <phoneticPr fontId="2"/>
  </si>
  <si>
    <t>　　 福祉サービス第三者評価事業は、福祉サービスを提供する事業所のサービスの質を公正・中立な第三者評価機
　関が専門的かつ客観的な立場から評価し、事業者が施設運営における問題点を把握した上、サービスの質の向上
　に結びつけること及び受審結果を公表することにより、利用者のサービス選択に資することを目的としているもので
　あり、法人においては、当該事業による第三者評価（以下、「第三者評価」という。）を積極的に活用し、サービスの
　質の向上を図るための措置を講じることが望ましい。</t>
    <phoneticPr fontId="2"/>
  </si>
  <si>
    <t>○　 苦情解決の仕組みの整備については、苦情解決の体制整備、手順の決定及びそれらの利用者等への周知を行
　　うことが求められる。
　・苦情解決の体制整備としては、苦情解決の責任主体を明確にするための苦情解決責任者の設置、職員の中から
　  苦情受付担当者を任命するとともに、苦情解決に社会性や客観性を確保し、利用者の立場や特性に配慮した適切
　　な対応を推進するため、複数の第三者委員（注1）を設置し、法人が経営する全ての事業所・施設の利用者が第三
　　者委員を活用できる体制を整備する。
　　（注1）第三者委員には、苦情解決を円滑・円満に図ることができる者であること、世間からの信頼性を有する者で
　　　　あることが求められるものであり、社会福祉士、民生委員・児童委員、大学教授、弁護士などが想定される。
　　　　なお、法人の関係者であっても、法人の業務執行や福祉サービスの提供に直接関係しない者（評議員、監事
　　　　等）については、認められる。</t>
    <rPh sb="168" eb="170">
      <t>テキセツ</t>
    </rPh>
    <phoneticPr fontId="2"/>
  </si>
  <si>
    <t xml:space="preserve"> (3) 債権債務の状  
   況</t>
    <phoneticPr fontId="2"/>
  </si>
  <si>
    <t>(2) 評議員会の招
  集・運営</t>
    <phoneticPr fontId="2"/>
  </si>
  <si>
    <t>８　評議員、理 
   事、監事及び
　会計監査人の
　報酬</t>
    <rPh sb="6" eb="7">
      <t>リ</t>
    </rPh>
    <phoneticPr fontId="2"/>
  </si>
  <si>
    <t xml:space="preserve"> (2) 報酬等支給基
   準</t>
    <rPh sb="10" eb="11">
      <t>モト</t>
    </rPh>
    <rPh sb="15" eb="16">
      <t>ジュン</t>
    </rPh>
    <phoneticPr fontId="2"/>
  </si>
  <si>
    <t xml:space="preserve"> (1) 特別の利益供
   与の禁止</t>
    <phoneticPr fontId="2"/>
  </si>
  <si>
    <t>　(1) 定款の変更が所轄庁の認可を受けて行われているか。
　　  ●直近の定款変更認可日　　（ 平・令　　　年　　　月　　　日認可 ）</t>
    <phoneticPr fontId="2"/>
  </si>
  <si>
    <t>２　内部管理体制</t>
    <phoneticPr fontId="2"/>
  </si>
  <si>
    <t>　(6) 理事会の決議があったとみなされる場合（決議を省略した場合）に、理事
　　全員の同意の意思表示及び監事が異議を述べていないことを示す書面又は電
　　磁的記録があるか。
　　●決議の省略があったとみなされた日
　　　（令和　　　　年　　　　月　　　　日）
　　　（令和　　　　年　　　　月　　　　日）</t>
    <phoneticPr fontId="2"/>
  </si>
  <si>
    <t>　(2) 議事録に、法令又は定款で定める議事録署名人が署名又は記名押印している
　　か。</t>
    <phoneticPr fontId="2"/>
  </si>
  <si>
    <t>　(1) 理事、監事及び評議員の区分ごとの報酬等の総額について、福祉医療機構
　 （ＷＡＭ ＮＥＴ）上の現況報告書に記載の上、公表しているか。</t>
    <rPh sb="32" eb="34">
      <t>フクシ</t>
    </rPh>
    <rPh sb="34" eb="36">
      <t>イリョウ</t>
    </rPh>
    <rPh sb="36" eb="38">
      <t>キコウ</t>
    </rPh>
    <phoneticPr fontId="2"/>
  </si>
  <si>
    <r>
      <t>○　「地域における公益的な取組」（以下「地域公益取組」という。）は、次に掲げる要件の全てを満たす必要がある。
　①　</t>
    </r>
    <r>
      <rPr>
        <u/>
        <sz val="9"/>
        <rFont val="ＭＳ Ｐゴシック"/>
        <family val="3"/>
        <charset val="128"/>
      </rPr>
      <t>社会福祉事業又は公益事業を行うに当たって提供される福祉サービスであること</t>
    </r>
    <r>
      <rPr>
        <sz val="9"/>
        <rFont val="ＭＳ Ｐゴシック"/>
        <family val="3"/>
        <charset val="128"/>
      </rPr>
      <t xml:space="preserve">
　　　 「社会福祉事業又は公益事業を行うに当たって提供される福祉サービス」とは、原則として、社会福祉を目的と
　　する取組を指す。
　　　 したがって、地域ニーズを踏まえ、公費を受けずに、新たな社会福祉事業又は公益事業（法第55条の2第4項第
　　2号に規定する地域公益事業を含む。）を実施する場合や既存の社会福祉事業等のサービス内容の充実を図る場
　　合等がこの要件に該当する。
　　   また、行事の開催や環境美化活動、防犯活動など、取組内容が直接的に社会福祉に関連しない場合であって
　　も、地域住民の参加や協働の場の創出を通じて、地域住民相互のつながりの強化を図るなど、間接的に社会福祉
　　の向上に資する取組であって、当該取組の効果が法人内部に留まらず地域にも及ぶものである限り、この要件に
　　該当する。
　　　 さらに、「福祉サービス」には、法人の定款に基づく事業に限らず、月に1回の行事の開催など、必ずしも恒常的
　　に行われない取組が含まれるものであるとともに、災害時に備えた福祉支援体制づくりや関係機関とのネットワー
　　ク構築に向けた取組など、福祉サービスの充実を図るための環境整備に資する取組も含まれる。
　②　</t>
    </r>
    <r>
      <rPr>
        <u/>
        <sz val="9"/>
        <rFont val="ＭＳ Ｐゴシック"/>
        <family val="3"/>
        <charset val="128"/>
      </rPr>
      <t>日常生活又は社会生活上の支援を必要とする者を対象とするものであること</t>
    </r>
    <r>
      <rPr>
        <sz val="9"/>
        <rFont val="ＭＳ Ｐゴシック"/>
        <family val="3"/>
        <charset val="128"/>
      </rPr>
      <t xml:space="preserve">
　　　　「日常生活又は社会生活上の支援を必要とする者」には、自立した日常生活を営んではいるものの、単身で地
　　域との関わりがない高齢者など、現に支援を必要としていないが、このままの状態が継続すれば、将来的に支援を
　　必要とする可能性の高い者も含まれる。
　　　 また、直接的にこれらの者を対象としていない場合であっても、地域住民に対する在宅での介護技術研修の実
　　施やボランティアの育成など、間接的にこれらの者の支援に資する取組も含まれる。
　③　</t>
    </r>
    <r>
      <rPr>
        <u/>
        <sz val="9"/>
        <rFont val="ＭＳ Ｐゴシック"/>
        <family val="3"/>
        <charset val="128"/>
      </rPr>
      <t>無料又は低額な料金で提供されること</t>
    </r>
    <r>
      <rPr>
        <sz val="9"/>
        <rFont val="ＭＳ Ｐゴシック"/>
        <family val="3"/>
        <charset val="128"/>
      </rPr>
      <t xml:space="preserve">
　　　 無料又は低額な料金で提供されるサービスとは、法人が現に保有する資産や職員を活用することにより、取組
　　の対象者から、通常要する費用を下回る料金を徴収し、又は料金を徴収せずに実施することを指す。
    　　したがって、地域公益取組の実施に当たって、国又は地方公共団体から全額の公費負担がある場合は、この要
　　件に該当しないが、このような場合であっても、法人による資産等を活用した追加のサービスが行われていれば、
　　この要件に該当する。
　　   なお、現に、無料低額診療事業など、当該事業の性質上、必ず無料又は低額であることを伴う事業を実施してい
　　る場合には、当該事業を実施していることのみをもって、この要件に該当することにはならないが、当該事業の新
　　規実施、対象者の拡充などを図る場合には、この要件に該当する。
        また、「法人が現に保有する資産や職員を活用する」とは、既存職員の兼務や施設の空きスペースの活用など
　　により、法人の新たな金銭的支出を伴わない場合も含まれる。
〇　厚生労働省ホームページ　「地域における公益的な取組」好事例集（R4.3.28）</t>
    </r>
    <rPh sb="215" eb="216">
      <t>ダイ</t>
    </rPh>
    <rPh sb="443" eb="444">
      <t>ケン</t>
    </rPh>
    <rPh sb="1356" eb="1358">
      <t>コウセイ</t>
    </rPh>
    <rPh sb="1358" eb="1361">
      <t>ロウドウショウ</t>
    </rPh>
    <rPh sb="1369" eb="1371">
      <t>チイキ</t>
    </rPh>
    <rPh sb="1375" eb="1378">
      <t>コウエキテキ</t>
    </rPh>
    <rPh sb="1379" eb="1381">
      <t>トリクミ</t>
    </rPh>
    <rPh sb="1382" eb="1383">
      <t>コウ</t>
    </rPh>
    <rPh sb="1383" eb="1385">
      <t>ジレイ</t>
    </rPh>
    <rPh sb="1385" eb="1386">
      <t>シュウ</t>
    </rPh>
    <phoneticPr fontId="2"/>
  </si>
  <si>
    <r>
      <t xml:space="preserve">　① </t>
    </r>
    <r>
      <rPr>
        <u/>
        <sz val="9"/>
        <color theme="1"/>
        <rFont val="ＭＳ Ｐゴシック"/>
        <family val="3"/>
        <charset val="128"/>
      </rPr>
      <t>既設法人が通所施設を設置する場合</t>
    </r>
    <r>
      <rPr>
        <sz val="9"/>
        <color theme="1"/>
        <rFont val="ＭＳ Ｐゴシック"/>
        <family val="3"/>
        <charset val="128"/>
      </rPr>
      <t xml:space="preserve">
　　・既設法人（第1種社会福祉事業（法第2条第2項第2号から第4号に掲げるものに限る。）又は第2種社会福祉事業
　　　のうち、保育所若しくは障害福祉サービス（療養介護、生活介護、自立訓練、就労移行支援又は就労継続支援
　　　に限る。）を行うものに限る。）が次に掲げる通所施設を整備する場合には、当該通所施設の用に供する不動産
　　　の全てについて、国及び地方公共団体以外の者から貸与を受けていても差し支えない。
        （審査基準第2の1の（2）のエ及びキ、「国又は地方公共団体以外の者から不動産の貸与を受けて既設法人が
　　　通所施設を設置する場合の要件緩和について」（平成12年9月8日付け障第670号・社援第2029号・老発第628号
　　・児発第732号厚生省大臣官房障害保健福祉部長、社会・援護局長、老人保健福祉局長及び児童家庭局長連名
　　　通知）、｢社会福祉法人が営む小規模保育事業の土地、建物の所有について｣（平成26年12月12日付け雇児保
　　　発1212第2号・社援基発1212第3号雇用均等・児童家庭局保育課長、社会・援護局福祉基盤課長連名通知）及び
       ｢幼保連携型認定こども園の園地、園舎等の所有について｣（平成26年12月18日府政共生第743号・26高私行第
　　　9号・雇児保発1218第1号・社援基発1218第1号内閣府政策統括官（共生社会政策担当）付参事官（少子化対策
　　　担当）、文部科学省初等中等教育局幼児教育課長、文部科学省高等教育局私学行政課長、厚生労働省雇用均
　　　等・児童家庭局保育課長、厚生労働省社会・援護局福祉基盤課長連名通知）。
      ⅰ　障害児通所支援事業所
      ⅱ　児童心理治療施設（通所部に限る。）又は児童自立支援施設（通所部に限る。）
      ⅲ　障害福祉サービス事業（生活介護、自立訓練（宿泊型自立訓練を除く。）、就労移行支援又は就労継続支援
　　　　　に限る。）
      ⅳ　放課後児童健全育成事業所、保育所又は児童家庭支援センター
      ⅴ　母子福祉施設
      ⅵ　老人デイサービスセンター、老人福祉センター又は老人介護支援センター
      ⅶ　身体障害者福祉センター、補装具製作施設又は視聴覚障害者情報提供施設
      ⅷ　地域活動支援センター
      ⅸ　幼保連携型認定こども園又は小規模保育事業（利用定員が10人以上であるものに限る。）を行う施設
     ・なお、この場合には、次のいずれかに該当する場合などのように、安定的な事業の継続性の確保が図られると
　　　判断できる場合には、地上権又は賃借権の登記を行わないこととしても差し支えない。
      ⅰ　建物の賃貸借期間が賃貸借契約において10年以上とされている場合
      ⅱ　貸主が、地方住宅供給公社若しくはこれに準ずる法人、又は、地域における基幹的交通事業者等の信用力
　　　　　の高い主体である場合</t>
    </r>
    <rPh sb="396" eb="397">
      <t>メイ</t>
    </rPh>
    <rPh sb="452" eb="453">
      <t>ホ</t>
    </rPh>
    <rPh sb="572" eb="573">
      <t>ギョウ</t>
    </rPh>
    <rPh sb="573" eb="574">
      <t>ダイ</t>
    </rPh>
    <rPh sb="664" eb="666">
      <t>コウトウ</t>
    </rPh>
    <phoneticPr fontId="2"/>
  </si>
  <si>
    <t>　(1) 評議員、理事、監事、職員その他の政令で定める社会福祉法人の関係者に対
　　して特別の利益を与えていないか。</t>
    <phoneticPr fontId="2"/>
  </si>
  <si>
    <r>
      <t>【欠格事由（評議員となることができない者）】
　① 法人
　② 精神の機能の障害により職務を適正に執行するに当たって必要な認知、判断及び意思疎通を適切に行うことができない者
　③ 生活保護法、児童福祉法、老人福祉法、身体障害者福祉法又はこの法律の規定に違反して刑に処せられ、その執行を終わり、又は執行
       を受けることがなくなるまでの者
　④ ③のほか、</t>
    </r>
    <r>
      <rPr>
        <b/>
        <u/>
        <sz val="9"/>
        <rFont val="ＭＳ Ｐゴシック"/>
        <family val="3"/>
        <charset val="128"/>
      </rPr>
      <t>拘禁刑</t>
    </r>
    <r>
      <rPr>
        <sz val="9"/>
        <color theme="1"/>
        <rFont val="ＭＳ Ｐゴシック"/>
        <family val="3"/>
        <charset val="128"/>
      </rPr>
      <t>以上の刑に処せられ、その執行を終わり、又は執行を受けることがなくなるまでの者
　⑤ 所轄庁の解散命令により解散を命ぜられた法人の解散当時の役員
　⑥ 暴力団員又は暴力団員でなくなった日から5年を経過しない者</t>
    </r>
    <rPh sb="148" eb="150">
      <t>シッコウ</t>
    </rPh>
    <rPh sb="182" eb="184">
      <t>コウキン</t>
    </rPh>
    <rPh sb="184" eb="185">
      <t>ケイ</t>
    </rPh>
    <phoneticPr fontId="2"/>
  </si>
  <si>
    <t>◎法第44条第3項、第45条
   の7</t>
    <phoneticPr fontId="2"/>
  </si>
  <si>
    <r>
      <t>【欠格事由（理事となることができない者）】
　① 法人
　② 精神の機能の障害により職務を適正に執行するに当たって必要な認知、判断及び意思疎通を適切に行うことができない者
　③ 生活保護法、児童福祉法、老人福祉法、身体障害者福祉法又はこの法律の規定に違反して刑に処せられ、その執行を終わり、又は執行
　　　を受けることがなくなるまでの者
　④ ③のほか、</t>
    </r>
    <r>
      <rPr>
        <b/>
        <u/>
        <sz val="9"/>
        <rFont val="ＭＳ Ｐゴシック"/>
        <family val="3"/>
        <charset val="128"/>
      </rPr>
      <t>拘禁刑</t>
    </r>
    <r>
      <rPr>
        <sz val="9"/>
        <color theme="1"/>
        <rFont val="ＭＳ Ｐゴシック"/>
        <family val="3"/>
        <charset val="128"/>
      </rPr>
      <t>以上の刑に処せられ、その執行を終わり、又は執行を受けることがなくなるまでの者
　⑤ 所轄庁の解散命令により解散を命ぜられた法人の解散当時の役員
　⑥ 暴力団員又は暴力団員でなくなった日から5年を経過しない者</t>
    </r>
    <rPh sb="147" eb="149">
      <t>シッコウ</t>
    </rPh>
    <phoneticPr fontId="2"/>
  </si>
  <si>
    <r>
      <t>（法人による確認方法）
　・履歴書若しくは誓約書等により候補者本人にこれらの者に該当しないことの確認を行う方法で差し支えない。
　・法人の判断により官公署が発行する書類により確認することも考えられる。
　・欠格事由の②「精神の機能の障害により職務を適正に執行するに当たって必要な認知、判断及び意思疎通を適切に行うことができない者」
　　の確認方法としては、誓約書等により候補者本人にこれらの者に該当しないことの確認を行う方法で差し支えないが、必要に応じて法人の
　　判断により医師の診断書等により確認することが考えられる。なお、成年被後見人又は被保佐人であることのみをもって当該欠格事由に当
　　たるとすることはできない。
【欠格事由（監事となることができない者）】
　① 法人
　② 精神の機能の障害により職務を適正に執行するに当たって必要な認知、判断及び意思疎通を適切に行うことができない者
　③ 生活保護法、児童福祉法、老人福祉法、身体障害者福祉法又はこの法律の規定に違反して刑に処せられ、その執行を終わり、又は執行
　　　を受けることがなくなるまでの者
　④ ③のほか、</t>
    </r>
    <r>
      <rPr>
        <b/>
        <u/>
        <sz val="9"/>
        <rFont val="ＭＳ Ｐゴシック"/>
        <family val="3"/>
        <charset val="128"/>
      </rPr>
      <t>拘禁刑</t>
    </r>
    <r>
      <rPr>
        <sz val="9"/>
        <color theme="1"/>
        <rFont val="ＭＳ Ｐゴシック"/>
        <family val="3"/>
        <charset val="128"/>
      </rPr>
      <t>以上の刑に処せられ、その執行を終わり、又は執行を受けることがなくなるまでの者
　⑤ 所轄庁の解散命令により解散を命ぜられた法人の解散当時の役員
　⑥ 暴力団員又は暴力団員でなくなった日から5年を経過しない者
【各役員と特殊の関係にある者の範囲】
　① 配偶者
　② 三親等以内の親族
　③ 厚生労働省令で定める者（規則第2条の11）
　　ⅰ　当該役員と婚姻の届出をしていないが事実上婚姻関係と同様
　　　　 の事情にある者
　　ⅱ　当該役員の使用人
　　ⅲ　当該役員から受ける金銭その他の財産によって生計を維持
           している者
　　ⅳ　ⅱ又はⅲの配偶者
　　ⅴ　ⅰ～ⅲの三親等以内の親族であって、これらの者と生計を一にする者
　　ⅵ　当該理事が役員（注1）若しくは業務を執行する社員である他の同一の社会福祉法人以外の団体の役員、業務を執行する社員又は職
　　　　 員（同一の団体の役員等が当該社会福祉法人の監事の総数の3分の1を超える場合に限る。）
　　　（注1）法人ではない団体で代表者又は管理人の定めがある場合には、その代表者又は管理人を含む。ⅶにおいて同じ。
　　ⅶ　当該監事が役員若しくは業務を執行する社員である他の同一の社会福祉法人以外の団体の役員、業務を執行する社員又は職員
　　　　（同一の団体の役員等が当該社会福祉法人の監事の総数の3分の1を超える場合に限る。）
　　ⅷ　他の社会福祉法人の理事又は職員（当該他の社会福祉法人の評議員となっている当該社会福祉法人の評議員及び役員の合計数が、
　　　   当該他の社会福祉法人の評議員の総数の半数を超える場合に限る。）
　　ⅸ　次の団体の職員（国会議員又は地方議会の議員を除く。）（同一の団体の職員が当該社会福祉法人の監事の総数の3分の1を超える
　　　   場合に限る。）
　　　　 　・国の機関、地方公共団体、独立行政法人、国立大学法人、大学共同利用機関法人、地方独立行政法人、特殊法人、認可法人</t>
    </r>
    <rPh sb="163" eb="164">
      <t>モノ</t>
    </rPh>
    <rPh sb="460" eb="462">
      <t>シッコウ</t>
    </rPh>
    <rPh sb="490" eb="493">
      <t>コウキンケイ</t>
    </rPh>
    <phoneticPr fontId="2"/>
  </si>
  <si>
    <t>　　●報告を行った理事会（当年度及び前年度）</t>
    <rPh sb="13" eb="16">
      <t>トウネンド</t>
    </rPh>
    <rPh sb="16" eb="17">
      <t>オヨ</t>
    </rPh>
    <rPh sb="18" eb="21">
      <t>ゼンネンド</t>
    </rPh>
    <phoneticPr fontId="2"/>
  </si>
  <si>
    <t>○　その他の積立金は、将来の特定の目的の費用
　又は損失の発生に備えるため、法人が理事会の
　議決に基づき事業活動計算書の当期末繰越活動
　増減差額から積立金として積み立てた額を計上
　するものであり、当期末繰越活動増減差額にその
　他の積立金取崩額を加算した額に余剰が生じた
　場合に、その範囲内で将来の特定の目的のため
　に積立金（注2）を積み立てることができる。</t>
    <rPh sb="21" eb="22">
      <t>ヨウ</t>
    </rPh>
    <rPh sb="66" eb="68">
      <t>カツドウ</t>
    </rPh>
    <rPh sb="89" eb="91">
      <t>ケイジョウ</t>
    </rPh>
    <rPh sb="117" eb="118">
      <t>タ</t>
    </rPh>
    <phoneticPr fontId="2"/>
  </si>
  <si>
    <t>○　議事録の記載事項
　(1) 開催された評議員会の内容に関する議事録の記載事項（規則第2条の15第3項）
　　① 評議員会が開催された日時及び場所（当該場所に存しない評議員、理事、監事又は会計監査人が評議員会に
　　　　出席した場合における当該出席の方法（例：テレビ会議）を含む。）
　　② 評議員会の議事の経過の要領及びその結果
　　③ 決議を要する事項について特別の利害関係を有する評議員があるときは、当該評議員の氏名
　　④ 法の規定に基づき評議員会において述べられた意見又は発言があるときは、その意見又は発言の内容の概要
　　　ⅰ　監事による監事の選任若しくは解任又は辞任に関する意見（法第43条第3項において準用する一般法人法
　　　　第74条第1項）
　　　ⅱ　監事を辞任した者による監事を辞任した旨及びその理由（辞任後最初に開催される評議員会に限る。法第43
　　　　条第3項において準用する一般法人法第74条第2項）
　　　ⅲ　会計監査人による会計監査人の選任、解任若しくは不再任又は辞任に関する意見（法第43条第3項において
　　　　準用する一般法人法第74条第4項）
　　　ⅳ　会計監査人を辞任した又は解任された者による会計監査人を辞任した旨及びその理由又は解任についての
　　　　意見（辞任又は解任後最初に開催される評議員会に限る。同上）
　　　ⅴ　監事による理事が評議員会に提出しようとする議案、書類、電磁的記録、その他の資料が法令若しくは定款
　　　　に違反し、若しくは不当な事項があると認める場合の調査結果（法第45条の18第3項において準用する一般法
　　　　人法第102条）
　　　ⅵ　監事による監事の報酬等についての意見（法第45条の18第3項において準用する一般法人法第105条第
　　　　3項）
　　　ⅶ　会計監査人による法人の計算書類及び附属明細書が法令又は定款に適合するかどうかについて、監事と意
　　　　見を異にするときの意見（法第45条の19第6項において準用する一般法人法第109条第1項）
　　　ⅷ　定時評議員会において会計監査人の出席を求める決議があったときの会計監査人の意見（法第45条の19
　　　　第6項において準用する一般法人法第109条第2項）
　　⑤ 評議員会に出席した評議員、理事、監事又は会計監査人の氏名又は名称
　　⑥ 議長の氏名（議長が存する場合に限る。）
　　⑦ 議事録の作成に係る職務を行った者の氏名
　(2) 評議員会の決議を省略した場合（評議員会の決議があったとみなされた場合）の議事録の記載事項（規則第2条
　　　の15第4項第1号）
　　① 決議を省略した事項の内容
　　② 決議を省略した事項の提案をした者の氏名
　　③ 評議員会の決議があったものとみなされた日
　　④ 議事録の作成に係る職務を行った者の氏名
　　　なお、この場合は、全評議員の同意の意思表示の書面又は電磁的記録を事務所に備え置くだけではなく、内容
　　について評議員会の議事録に記載しなければならない。
　(3) 理事の評議員会への報告を省略した場合（報告があったとみなされた場合）の議事録の記載事項
　　　（規則第2条の15第4項第2号）
　　① 評議員会への報告があったものとみなされた事項の内容
　　② 評議員会への報告があったものとみなされた日
　　③ 議事録の作成に係る職務を行った者の氏名
　　　 なお、この場合は、全評議員の同意の意思表示に係る書面等を事務所に備え置く必要はない。
○　議事録については、記載された事項の全てについて、評議員や債権者等が、その関係書類と併せて内容の確認
　ができるよう明確に記載する方法によらなければならない。</t>
    <rPh sb="265" eb="266">
      <t>ヨウ</t>
    </rPh>
    <rPh sb="634" eb="636">
      <t>テイカン</t>
    </rPh>
    <rPh sb="691" eb="692">
      <t>ホウ</t>
    </rPh>
    <rPh sb="1096" eb="1097">
      <t>ジョウ</t>
    </rPh>
    <rPh sb="1252" eb="1254">
      <t>ナイヨウ</t>
    </rPh>
    <rPh sb="1530" eb="1532">
      <t>カクニン</t>
    </rPh>
    <phoneticPr fontId="2"/>
  </si>
  <si>
    <t>　（注2）この場合の具体的な配分の協議について
　　は、手続や記録に関する規定はないが、報酬等
　　は客観的根拠に基づいて支給されるべきもので
　　あり、法人又は監事において、監事の全員一致
　　による決定が行われたこと及びその決定内容を
　　記載・記録した書類を作成すべきである。</t>
    <rPh sb="46" eb="47">
      <t>トウ</t>
    </rPh>
    <phoneticPr fontId="2"/>
  </si>
  <si>
    <t>　※　以下のいずれかに該当する場合であって、基本財産について所轄庁の承認を不要とする旨を定款に定めた場
　　合は、所轄庁の承認が不要となる（定款例第29条参照）。
　　　なお、③に該当する場合にあっては、貸付に係る償還が滞った場合には、遅滞なく所轄庁に届け出ることが必要
　　である。
　　① 独立行政法人福祉医療機構（独立行政法人福祉医療機構法（平成14 年法律第166 号）に規定するものをい
　　　　う。）に対して基本財産を担保に供する場合
　　② 独立行政法人福祉医療機構と協調融資（独立行政法人福祉医療機構の福祉貸付が行う施設整備のための資
　　　　金に対する融資と併せて行う同一の財産を担保とする当該施設整備のための資金に対する融資をいう。以下
         同じ。）に関する契約を結んだ民間金融機関に対して基本財産を担保に供する場合（協調融資に係る担保に限
         る。）
　　③ 社会福祉施設整備のための資金に対する融資を行う確実な民間金融機関に対して基本財産を担保に供する
　　　　場合で、当該事業計画が適切であるとの関係行政庁による意見書を所轄庁に届け出た場合</t>
    <phoneticPr fontId="2"/>
  </si>
  <si>
    <t>ｶﾞｲﾄﾞﾗｲﾝ(Ⅲ-2-(1)-1)</t>
    <phoneticPr fontId="2"/>
  </si>
  <si>
    <t>○　法人は、社会福祉充実計画の作成に当たっては、公認会計士又は税理士等の意見聴取、地域協議会の意見聴
　取（地域公益事業を社会福祉充実計画に記載する場合に限る。）及び理事会の承認を経て、評議員会の承認を受
　けた上で、所轄庁に承認を受ける必要がある（法第55条の2）。
　　 また、社会福祉充実残額の算定結果は毎年、全法人が所轄庁に届出ることとされていることから、社会福祉充実
　残額の算定及び社会福祉充実計画の作成に当たっての手続が適正に行われているかについては、所轄庁は、承
　認申請又は届出を受け確認を行うものである。</t>
    <rPh sb="52" eb="53">
      <t>ト</t>
    </rPh>
    <phoneticPr fontId="2"/>
  </si>
  <si>
    <t>□経理規程
□給与規程等関係規程類
□役員等報酬基準
□計算関係書類
□会計帳簿
□証憑書類
□法人の関係者が確認できる書類 
　  （履歴書 等）</t>
    <phoneticPr fontId="2"/>
  </si>
  <si>
    <t>□市場価格のある有価証券（満期
　 保有目的の債券を除く。）につい
    て時価評価の必要性の有無を
    判断している法人作成資料
□時価評価に係る会計伝票等
□満期保有目的の債券についての
   償却原価法に係る法人作成資料
□償却原価法に係る会計伝票　等</t>
    <rPh sb="112" eb="114">
      <t>サクセイ</t>
    </rPh>
    <phoneticPr fontId="2"/>
  </si>
  <si>
    <t>□棚卸資産について時価評価の
   必要性の有無を判定している法
   人作成資料
□棚卸資産の管理のために作成
　  している帳簿 等
□時価評価に係る会計伝票 　等</t>
    <rPh sb="31" eb="32">
      <t>ホウ</t>
    </rPh>
    <rPh sb="54" eb="56">
      <t>サクセイ</t>
    </rPh>
    <phoneticPr fontId="2"/>
  </si>
  <si>
    <t>□定款
□経理規程 等
□理事会の議事録 等
□経理規程等に定めるところにより
   会計処理等が行われていること 
   が確認できる書類</t>
    <phoneticPr fontId="2"/>
  </si>
  <si>
    <t xml:space="preserve">□定款
□理事会の議事録
□理事の職務の執行に関する規
　 程
□理事全員の同意の意思表示及
   び監事が異議を述べていない
　 ことを示す書面又は電磁的記録
</t>
    <rPh sb="26" eb="27">
      <t>ノリ</t>
    </rPh>
    <rPh sb="30" eb="31">
      <t>ホド</t>
    </rPh>
    <rPh sb="44" eb="45">
      <t>オヨ</t>
    </rPh>
    <phoneticPr fontId="2"/>
  </si>
  <si>
    <t>□評議員会の議事録
□評議員会の招集通知
□評議員会の議題（及び議案）を
   決定した理事会の議事録
□監事の選任に関する評議員会の
   議案についての監事の同意を証
　 する書類
□就任承諾書 等</t>
    <rPh sb="65" eb="66">
      <t>カイ</t>
    </rPh>
    <rPh sb="81" eb="83">
      <t>ドウイ</t>
    </rPh>
    <phoneticPr fontId="2"/>
  </si>
  <si>
    <t>□理事の選任又は解任に関する
 　評議員会の議事録
□評議員会の招集通知
□評議員会の議題（及び議案）を
　 決定した理事会の議事録
□就任承諾書　　等</t>
    <phoneticPr fontId="2"/>
  </si>
  <si>
    <t>○　サービス区分の設定は、次の方法により行う。
　① 原則的な方法
　　　介護保険サービス、障害福祉サービス、特定教育・保育施設及び特定地域型保育事業については、上記の例示
　　に示した指定サービス基準等において当該事業の会計とその他の事業の会計を区分すべきことが定められている
　　事業をサービス区分とする。他の事業については、法人の定款に定める事業ごとに区分するものとする。なお、
　　特定の補助金等の使途を明確にするため、更に細分化することもできる。
　② 簡便的な方法
　　　介護保険関係事業又は保育関係事業については、上記の原則にかかわらず、次の取扱いとすることができる。
　　ⅰ　介護保険関係
　　　　 次の介護サービスと一体的に行われている介護予防サービスなど、両者のコストをその発生の態様から区分
　　　することが困難である場合には、勘定科目として介護予防サービスなどの収入額のみを把握できれば 同一の
　　　サービス区分として差し支えない。
　　　　・指定訪問介護と第1号訪問事業
　　　　・指定通所介護と第1号通所事業
　　　　・指定地域密着型通所介護、指定介護予防通所介護と第1号通所事業
　　　　・指定介護予防支援と第1号介護予防ケアマネジメント事業
　　　　・指定認知症対応型通所介護と指定介護予防認知症対応型通所介護
　　　　・指定短期入所生活介護と指定介護予防短期入所生活介護
　　　　・指定小規模多機能型居宅介護と指定介護予防小規模多機能型居宅介護
　　　　・指定認知症対応型共同生活介護と指定介護予防認知症対応型共同生活介護
　　　　・指定訪問入浴介護と指定介護予防訪問入浴介護
　　　　・指定特定施設入居者生活介護と指定介護予防特定施設入居者生活介護
　　　　・福祉用具貸与と介護予防福祉用具貸与
　　　　・福祉用具販売と介護予防福祉用具販売
　　　  ・指定介護老人福祉施設といわゆる空きベッド活用方式により当該施設で実施する指定短期入所生活介護事
        　業</t>
    <phoneticPr fontId="2"/>
  </si>
  <si>
    <t>令和８年度</t>
    <rPh sb="0" eb="2">
      <t>レイワ</t>
    </rPh>
    <rPh sb="3" eb="5">
      <t>ネンド</t>
    </rPh>
    <phoneticPr fontId="2"/>
  </si>
  <si>
    <t>　　 また、基本財産の増加等、所轄庁の認可が不要とされる事項の変更について
　　は、所轄庁への届出が行われているか。</t>
    <rPh sb="6" eb="8">
      <t>キホン</t>
    </rPh>
    <rPh sb="8" eb="10">
      <t>ザイサン</t>
    </rPh>
    <rPh sb="11" eb="13">
      <t>ゾウカ</t>
    </rPh>
    <rPh sb="13" eb="14">
      <t>トウ</t>
    </rPh>
    <phoneticPr fontId="2"/>
  </si>
  <si>
    <t xml:space="preserve">　(3) 当該法人の各評議員、各役員と特殊の関係にある者が選任されていないか。
</t>
    <phoneticPr fontId="2"/>
  </si>
  <si>
    <t xml:space="preserve">　(5) 地方公共団体の長等特定の公職にある者が慣例的に評議員として選任されて
　　いないか。　
</t>
    <phoneticPr fontId="2"/>
  </si>
  <si>
    <t>　(4) 評議員との間で業務委託契約を結んでいないか。
　　　結んでいる場合、業務委託内容（　　　　　　　　　　　　　　　）</t>
    <phoneticPr fontId="2"/>
  </si>
  <si>
    <t>　(6) 社会福祉協議会にあっては、関係行政庁の職員が評議員の総数の５分の１を
　　超えて選任されていないか。</t>
    <phoneticPr fontId="2"/>
  </si>
  <si>
    <t>　(8) 暴力団員等の反社会的勢力の者が選任されていないか。</t>
    <phoneticPr fontId="2"/>
  </si>
  <si>
    <t>　(7) 欠席が２回以上継続している者がいないか。
　　　直近２年間で欠席が継続している評議員名（　　　　　　　　　　　）</t>
    <rPh sb="5" eb="7">
      <t>ケッセキ</t>
    </rPh>
    <rPh sb="9" eb="10">
      <t>カイ</t>
    </rPh>
    <rPh sb="10" eb="12">
      <t>イジョウ</t>
    </rPh>
    <rPh sb="12" eb="14">
      <t>ケイゾク</t>
    </rPh>
    <rPh sb="18" eb="19">
      <t>モノ</t>
    </rPh>
    <rPh sb="29" eb="31">
      <t>チョッキン</t>
    </rPh>
    <rPh sb="32" eb="34">
      <t>ネンカン</t>
    </rPh>
    <rPh sb="35" eb="37">
      <t>ケッセキ</t>
    </rPh>
    <rPh sb="38" eb="40">
      <t>ケイゾク</t>
    </rPh>
    <rPh sb="44" eb="47">
      <t>ヒョウギイン</t>
    </rPh>
    <rPh sb="47" eb="48">
      <t>メイ</t>
    </rPh>
    <phoneticPr fontId="2"/>
  </si>
  <si>
    <t>　(1) 評議員会の招集通知を期限までに評議員に発しているか。
　　  ●令和８年定時評議員会開催日　　　　　（令和　　年　　月　　日）
　　  ●令和８年定時評議員会招集通知発送日　（令和　　年　　月　　日）
　　 　　※決議の省略を行った場合は記載不要</t>
    <phoneticPr fontId="2"/>
  </si>
  <si>
    <t>　(2) 業務執行理事を置いているか。
　　業務執行理事氏名（　　　　　　　　　　　　　　　）
　　　　　　　　　　（　　　　　　　　　　　　　　　）</t>
    <rPh sb="12" eb="13">
      <t>オ</t>
    </rPh>
    <rPh sb="22" eb="24">
      <t>ギョウム</t>
    </rPh>
    <rPh sb="24" eb="26">
      <t>シッコウ</t>
    </rPh>
    <rPh sb="26" eb="28">
      <t>リジ</t>
    </rPh>
    <rPh sb="28" eb="30">
      <t>シメイ</t>
    </rPh>
    <phoneticPr fontId="2"/>
  </si>
  <si>
    <t>　(4) 監事との間で業務委託契約を結んでいないか。
　　　結んでいる場合、業務委託内容（　　　　　　　　　　　　　　　）</t>
    <rPh sb="5" eb="7">
      <t>カンジ</t>
    </rPh>
    <phoneticPr fontId="2"/>
  </si>
  <si>
    <t xml:space="preserve">　(5) 地方公共団体の長等特定の公職にある者が慣例的に監事に就任していない
　　か。
</t>
    <phoneticPr fontId="2"/>
  </si>
  <si>
    <t>　(6) 社会福祉協議会にあっては、関係行政庁の職員が役員の総数の５分の１まで
　　となっているか。</t>
    <phoneticPr fontId="2"/>
  </si>
  <si>
    <t>　(7) 実際に法人運営に参加できない者が名目的に選任されていないか。</t>
    <phoneticPr fontId="2"/>
  </si>
  <si>
    <r>
      <t>　(2) 理事の報酬等の総額（上限）が定款又は評議員会の決議によって定められて
　　いるか。
　　●総額（上限）　</t>
    </r>
    <r>
      <rPr>
        <u/>
        <sz val="11"/>
        <rFont val="游ゴシック"/>
        <family val="3"/>
        <charset val="128"/>
        <scheme val="minor"/>
      </rPr>
      <t>　　　　　　　　　　　円</t>
    </r>
    <phoneticPr fontId="2"/>
  </si>
  <si>
    <r>
      <t>　(2) 監事の報酬等の総額（上限）が定款又は評議員会の決議によって定められて
　　いるか。
　　●総額（上限）　</t>
    </r>
    <r>
      <rPr>
        <u/>
        <sz val="11"/>
        <rFont val="游ゴシック"/>
        <family val="3"/>
        <charset val="128"/>
        <scheme val="minor"/>
      </rPr>
      <t>　　　　　　　　　　　円</t>
    </r>
    <rPh sb="50" eb="52">
      <t>ソウガク</t>
    </rPh>
    <rPh sb="53" eb="55">
      <t>ジョウゲン</t>
    </rPh>
    <rPh sb="68" eb="69">
      <t>エン</t>
    </rPh>
    <phoneticPr fontId="2"/>
  </si>
  <si>
    <t>　　また、不動産の所有権の登記がなされているか。</t>
    <phoneticPr fontId="2"/>
  </si>
  <si>
    <t>　(2) 別法人へ資金の繰入れを行っていないか。</t>
    <rPh sb="5" eb="6">
      <t>ベツ</t>
    </rPh>
    <rPh sb="6" eb="8">
      <t>ホウジン</t>
    </rPh>
    <rPh sb="9" eb="11">
      <t>シキン</t>
    </rPh>
    <rPh sb="12" eb="14">
      <t>クリイ</t>
    </rPh>
    <rPh sb="16" eb="17">
      <t>オコナ</t>
    </rPh>
    <phoneticPr fontId="2"/>
  </si>
  <si>
    <r>
      <rPr>
        <b/>
        <sz val="9"/>
        <color theme="1"/>
        <rFont val="游ゴシック"/>
        <family val="3"/>
        <charset val="128"/>
        <scheme val="minor"/>
      </rPr>
      <t>　
　【　法令・通知の略号　】</t>
    </r>
    <r>
      <rPr>
        <sz val="9"/>
        <color theme="1"/>
        <rFont val="游ゴシック"/>
        <family val="3"/>
        <charset val="128"/>
        <scheme val="minor"/>
      </rPr>
      <t xml:space="preserve">
　　「法」　　　　　　　　 社会福祉法（昭和26年法律第45号）
　　「令」　　　　　　　　 社会福祉法施行令（昭和33年政令第185号）
　　「規則」　　　　　　　 社会福祉法施行規則（昭和26年厚生省令第28号）
　　「認可通知」　　　　 　社会福祉法人の認可について（平成12年12月1日社会・援護局長等連名通知）
　　「審査基準」　　　　 　社会福祉法人の認可について（平成12年12月1日社会・援護局長等連名通知）の（別紙1）
　　「定款例」　　　　　　 社会福祉法人の認可について（平成12年12月1日社会・援護局長等連名通知）の（別紙2）
　　「審査要領」　　　　 　社会福祉法人の認可について（平成12年12月1日社会・援護局企画課長等連名通知）
　　「徹底通知」　　　　 　社会福祉法人の認可等の適正化並びに社会福祉法人及び社会福祉施設に対する指導監督の徹底
　　　　　　　　　　　　　 について（平成13年7月23日社会・援護局長等連名通知）
　　「入札通知」　　　　 　社会福祉法人における入札契約等の取扱いについて（平成29年3月29日社会・援護局福祉基盤
　　　　　　　　　　　　　 課長等連名通知）
　　「会計省令」　　　　 　社会福祉法人会計基準（平成28年厚生労働省令第79号）
　　「運用上の取扱い」　　 社会福祉法人会計基準の制定に伴う会計処理等に関する運用上の取扱いについて（平成28年
　　　　　　　　　　　　　 3月31日雇児発0331第15号　社援発0331第39号　老発0331第45号）
　　「留意事項」　　　　 　社会福祉法人会計基準の制定に伴う会計処理に関する運用上の留意事項について（平成28年
　　　　　　　　　　　　　 3月31日雇児総発0331第7号　 社援基発0331第2号　障障発0331第2号　老発0331第4号）
　　「平成28年改正法」　　社会福祉法の一部を改正する法律（平成28年法律第21号）
　　「平成28年改正政令」　社会福祉法の一部を改正する法律の施行に伴う関係政令の整備等及び経過措置に関する政令
　　　　　　　　　　　　　（平成28年政令第349号）
　　「ガイドライン」　　   社会福祉法人指導監査実施要綱の制定について（平成29年4月27日雇用均等・児童家庭局長連
　　　　　　　　　　　　　名通知）別紙（R4.3.14最終改正）
　　「一般法人法」　　 　 一般社団法人及び一般財団法人に関する法律（平成18年法律第48号）
</t>
    </r>
    <r>
      <rPr>
        <b/>
        <sz val="9"/>
        <color theme="1"/>
        <rFont val="游ゴシック"/>
        <family val="3"/>
        <charset val="128"/>
        <scheme val="minor"/>
      </rPr>
      <t>　【　記入要領及び注意事項　】</t>
    </r>
    <r>
      <rPr>
        <sz val="9"/>
        <color theme="1"/>
        <rFont val="游ゴシック"/>
        <family val="3"/>
        <charset val="128"/>
        <scheme val="minor"/>
      </rPr>
      <t xml:space="preserve">
　　１　本表はガイドラインに沿って作成したものであり、各事項についての点検はガイドラインにより行い、当該点検
　　　結果を本表の「自己評価」欄の該当する□に</t>
    </r>
    <r>
      <rPr>
        <sz val="9"/>
        <color theme="1"/>
        <rFont val="Segoe UI Symbol"/>
        <family val="2"/>
      </rPr>
      <t>✔</t>
    </r>
    <r>
      <rPr>
        <sz val="9"/>
        <color theme="1"/>
        <rFont val="游ゴシック"/>
        <family val="3"/>
        <charset val="128"/>
        <scheme val="minor"/>
      </rPr>
      <t>チェック（又は■）してください。なお、指導監査当日は、本表と
　　　ガイドラインをもとに聴き取りを行います。
　　２　該当しない事項、または前年度事例がない場合は、「該当なし」に</t>
    </r>
    <r>
      <rPr>
        <sz val="9"/>
        <color theme="1"/>
        <rFont val="Segoe UI Symbol"/>
        <family val="2"/>
      </rPr>
      <t>✔</t>
    </r>
    <r>
      <rPr>
        <sz val="9"/>
        <color theme="1"/>
        <rFont val="游ゴシック"/>
        <family val="3"/>
        <charset val="128"/>
        <scheme val="minor"/>
      </rPr>
      <t>チェック（又は■）してください。
　　３　特に期日の指定がない事項については、前年度又は本表提出時直近月の状況について記入してください。
　　４　回答の判断が困難な場合は、指導監査時若しくは指導監査課に問い合わせてください。
　　５　関係のないページは記入する必要はありませんが、その場合は未記入のまま提出してください。
　　　</t>
    </r>
    <r>
      <rPr>
        <b/>
        <sz val="9"/>
        <color theme="1"/>
        <rFont val="游ゴシック"/>
        <family val="3"/>
        <charset val="128"/>
        <scheme val="minor"/>
      </rPr>
      <t>※　着眼点の太字は、当年度の指導監査の重点事項です。</t>
    </r>
    <r>
      <rPr>
        <sz val="9"/>
        <color theme="1"/>
        <rFont val="游ゴシック"/>
        <family val="3"/>
        <charset val="128"/>
        <scheme val="minor"/>
      </rPr>
      <t xml:space="preserve">
</t>
    </r>
    <r>
      <rPr>
        <b/>
        <sz val="9"/>
        <color theme="1"/>
        <rFont val="游ゴシック"/>
        <family val="3"/>
        <charset val="128"/>
        <scheme val="minor"/>
      </rPr>
      <t>　【　当日準備いただく書類等　】</t>
    </r>
    <r>
      <rPr>
        <sz val="9"/>
        <color theme="1"/>
        <rFont val="游ゴシック"/>
        <family val="3"/>
        <charset val="128"/>
        <scheme val="minor"/>
      </rPr>
      <t xml:space="preserve">
　　　ガイドラインに定める確認書類。ただし、ガイドラインは法人に新たな書類の作成を義務付けるものではないため、
　　法人がガイドラインに定める確認書類を作成していない場合は、ガイドラインに定める指摘基準の該当性を確認でき
　　る既存の別の書類。
 　</t>
    </r>
    <r>
      <rPr>
        <b/>
        <sz val="9"/>
        <color theme="1"/>
        <rFont val="游ゴシック"/>
        <family val="3"/>
        <charset val="128"/>
        <scheme val="minor"/>
      </rPr>
      <t>※　「確認書類」について（ガイドラインより抜粋）</t>
    </r>
    <r>
      <rPr>
        <sz val="9"/>
        <color theme="1"/>
        <rFont val="游ゴシック"/>
        <family val="3"/>
        <charset val="128"/>
        <scheme val="minor"/>
      </rPr>
      <t xml:space="preserve">
　　　（略）なお、法人は、社会福祉事業を適正に行うため、事業運営の透明性の確保等を図る経営上の責務を負うもの
　　であり（法第24条第1項）、法令等に従い適正に運営を行っていることについて、客観的な資料に基づき自ら説明でき
　　るようにすることが適当である。そのため、法人は、法人において確認を要するものとガイドラインに定められてい
　　る事項について、法令等で特定の文書の作成が義務付けられていない場合であっても、文書等により客観的な説明を行
　　うことができるように努めるべきである。（略）
</t>
    </r>
    <rPh sb="759" eb="760">
      <t>ニチ</t>
    </rPh>
    <rPh sb="921" eb="922">
      <t>セイ</t>
    </rPh>
    <rPh sb="1150" eb="1152">
      <t>ケッカ</t>
    </rPh>
    <rPh sb="1164" eb="1166">
      <t>ガイトウ</t>
    </rPh>
    <rPh sb="1176" eb="1177">
      <t>マタ</t>
    </rPh>
    <rPh sb="1378" eb="1380">
      <t>カンケイ</t>
    </rPh>
    <rPh sb="1387" eb="1389">
      <t>キニュウ</t>
    </rPh>
    <rPh sb="1391" eb="1393">
      <t>ヒツヨウ</t>
    </rPh>
    <rPh sb="1403" eb="1405">
      <t>バアイ</t>
    </rPh>
    <rPh sb="1412" eb="1414">
      <t>テイシュツ</t>
    </rPh>
    <phoneticPr fontId="2"/>
  </si>
  <si>
    <t>　(3) 決議について特別の利害関係を有する評議員が議決に加わっていないことを
　　確認しているか。
　　・確認方法（　　　　　　　　　　　　　　　　　　　　　　）</t>
    <rPh sb="42" eb="44">
      <t>カクニン</t>
    </rPh>
    <rPh sb="54" eb="56">
      <t>カクニン</t>
    </rPh>
    <rPh sb="56" eb="58">
      <t>ホウホウ</t>
    </rPh>
    <phoneticPr fontId="2"/>
  </si>
  <si>
    <t>○　定時評議員会の招集の通知に際し、理事は、
　評議員に対して、理事会で承認を受けた計算書
　類及び事業報告並びに監査報告を提供しなけ
　ればならない。</t>
    <rPh sb="2" eb="4">
      <t>テイジ</t>
    </rPh>
    <rPh sb="4" eb="7">
      <t>ヒョウギイン</t>
    </rPh>
    <rPh sb="7" eb="8">
      <t>カイ</t>
    </rPh>
    <rPh sb="9" eb="11">
      <t>ショウシュウ</t>
    </rPh>
    <rPh sb="12" eb="14">
      <t>ツウチ</t>
    </rPh>
    <rPh sb="15" eb="16">
      <t>サイ</t>
    </rPh>
    <rPh sb="18" eb="20">
      <t>リジ</t>
    </rPh>
    <rPh sb="24" eb="26">
      <t>ヒョウギ</t>
    </rPh>
    <rPh sb="26" eb="27">
      <t>イン</t>
    </rPh>
    <rPh sb="28" eb="29">
      <t>タイ</t>
    </rPh>
    <rPh sb="32" eb="35">
      <t>リジカイ</t>
    </rPh>
    <rPh sb="36" eb="38">
      <t>ショウニン</t>
    </rPh>
    <rPh sb="39" eb="40">
      <t>ウ</t>
    </rPh>
    <rPh sb="42" eb="44">
      <t>ケイサン</t>
    </rPh>
    <rPh sb="47" eb="48">
      <t>タグイ</t>
    </rPh>
    <rPh sb="48" eb="49">
      <t>オヨ</t>
    </rPh>
    <rPh sb="50" eb="52">
      <t>ジギョウ</t>
    </rPh>
    <rPh sb="52" eb="54">
      <t>ホウコク</t>
    </rPh>
    <rPh sb="54" eb="55">
      <t>ナラ</t>
    </rPh>
    <rPh sb="57" eb="58">
      <t>カン</t>
    </rPh>
    <rPh sb="58" eb="59">
      <t>サ</t>
    </rPh>
    <rPh sb="59" eb="61">
      <t>ホウコク</t>
    </rPh>
    <rPh sb="62" eb="63">
      <t>テイ</t>
    </rPh>
    <rPh sb="63" eb="64">
      <t>キョウ</t>
    </rPh>
    <phoneticPr fontId="2"/>
  </si>
  <si>
    <t>　(2) 議事録を法人の事務所に法定の期間備え置いているか。
　　①　主たる事務所：評議員会の日から10年間
　　②　従たる事務所：評議員会の日から5年間</t>
    <rPh sb="42" eb="45">
      <t>ヒョウギイン</t>
    </rPh>
    <rPh sb="45" eb="46">
      <t>カイ</t>
    </rPh>
    <rPh sb="47" eb="48">
      <t>ヒ</t>
    </rPh>
    <rPh sb="66" eb="69">
      <t>ヒョウギイン</t>
    </rPh>
    <rPh sb="69" eb="70">
      <t>カイ</t>
    </rPh>
    <rPh sb="71" eb="72">
      <t>ヒ</t>
    </rPh>
    <phoneticPr fontId="2"/>
  </si>
  <si>
    <t>　　  ただし、一定の要件（法１－１２チェックポイント（注1）参照）を満たさ
　　ない場合は、定時評議員会の承認を受けているか。</t>
    <rPh sb="54" eb="56">
      <t>ショウニン</t>
    </rPh>
    <phoneticPr fontId="2"/>
  </si>
  <si>
    <t>○　計算関係書類等について理事会の承認を受けるにあたっては、監事の監査を受けなければならない。会計監査
　人を置く場合は、監事の監査に加え、計算関係書類等について会計監査人の監査を受けなければならない（注2）。
　（注2）監事の監査及び会計監査人の監査については、Ⅰの５「監事」（法１－２３）、７「会計監査人」（法１－３３）を参照。</t>
    <rPh sb="49" eb="51">
      <t>カンサ</t>
    </rPh>
    <rPh sb="141" eb="142">
      <t>ホウ</t>
    </rPh>
    <rPh sb="157" eb="158">
      <t>ホウ</t>
    </rPh>
    <phoneticPr fontId="2"/>
  </si>
  <si>
    <r>
      <t>○　会計監査人非設置法人の計算関係書類についての監査報告の内容及び手続
　(1) 監査報告の内容は次のとおりである。（規則第2条の27）
　　① 監事の監査の方法及びその内容
　　② 計算関係書類が当該法人の財産、収支及び純資産の増減の状況を全ての重要な点において適正に表示して
　　　　いるかどうかについての意見
　　③ 監査のため必要な調査ができなかったときは、その旨及びその理由
　　④ 追記情報
　　　ⅰ　会計方針の変更
　　　ⅱ　重要な偶発事象
　　　ⅲ　重要な後発事象のうち、監事の判断に関して説明を付す必要がある事項又は計算関係書類の内容のうち
　　　　　 強調する必要がある事項（規則第2条の27第2項）
　　⑤ 監査報告を作成した日
　(2) 特定監事は、次に掲げる日のいずれか遅い日までに、特定理事に対し、計算関係書類についての監査報告の
　　内容を通知しなければならない（規則第2条の28第1項）。
　　① 計算書類の全部を受領した日から4週間を経過した日
　　② 計算書類の附属明細書を受領した日から1週間を経過した日
　　③ 特定理事及び特定監事が合意により定めた日（合意がある場合）
　　　※　</t>
    </r>
    <r>
      <rPr>
        <u/>
        <sz val="9"/>
        <color theme="1"/>
        <rFont val="ＭＳ Ｐゴシック"/>
        <family val="3"/>
        <charset val="128"/>
      </rPr>
      <t>特定監事</t>
    </r>
    <r>
      <rPr>
        <sz val="9"/>
        <color theme="1"/>
        <rFont val="ＭＳ Ｐゴシック"/>
        <family val="3"/>
        <charset val="128"/>
      </rPr>
      <t>：計算関係書類についての監査報告の内容を通知すべき監事を定めたときはその監事、</t>
    </r>
    <r>
      <rPr>
        <u/>
        <sz val="9"/>
        <color theme="1"/>
        <rFont val="ＭＳ Ｐゴシック"/>
        <family val="3"/>
        <charset val="128"/>
      </rPr>
      <t xml:space="preserve">定めてい
</t>
    </r>
    <r>
      <rPr>
        <sz val="9"/>
        <color theme="1"/>
        <rFont val="ＭＳ Ｐゴシック"/>
        <family val="3"/>
        <charset val="128"/>
      </rPr>
      <t>　　　　 　</t>
    </r>
    <r>
      <rPr>
        <u/>
        <sz val="9"/>
        <color theme="1"/>
        <rFont val="ＭＳ Ｐゴシック"/>
        <family val="3"/>
        <charset val="128"/>
      </rPr>
      <t>ない場合は全ての監事をいう</t>
    </r>
    <r>
      <rPr>
        <sz val="9"/>
        <color theme="1"/>
        <rFont val="ＭＳ Ｐゴシック"/>
        <family val="3"/>
        <charset val="128"/>
      </rPr>
      <t>（規則第2条の28第5項）。
　　　※　</t>
    </r>
    <r>
      <rPr>
        <u/>
        <sz val="9"/>
        <color theme="1"/>
        <rFont val="ＭＳ Ｐゴシック"/>
        <family val="3"/>
        <charset val="128"/>
      </rPr>
      <t>特定理事</t>
    </r>
    <r>
      <rPr>
        <sz val="9"/>
        <color theme="1"/>
        <rFont val="ＭＳ Ｐゴシック"/>
        <family val="3"/>
        <charset val="128"/>
      </rPr>
      <t>：計算関係書類についての監査報告の通知を受ける理事を定めた場合は当該理事、</t>
    </r>
    <r>
      <rPr>
        <u/>
        <sz val="9"/>
        <color theme="1"/>
        <rFont val="ＭＳ Ｐゴシック"/>
        <family val="3"/>
        <charset val="128"/>
      </rPr>
      <t xml:space="preserve">定めていない
</t>
    </r>
    <r>
      <rPr>
        <sz val="9"/>
        <color theme="1"/>
        <rFont val="ＭＳ Ｐゴシック"/>
        <family val="3"/>
        <charset val="128"/>
      </rPr>
      <t xml:space="preserve">　　　　　 </t>
    </r>
    <r>
      <rPr>
        <u/>
        <sz val="9"/>
        <color theme="1"/>
        <rFont val="ＭＳ Ｐゴシック"/>
        <family val="3"/>
        <charset val="128"/>
      </rPr>
      <t>場合は計算関係書類の作成に関する職務を行った理事をいう</t>
    </r>
    <r>
      <rPr>
        <sz val="9"/>
        <color theme="1"/>
        <rFont val="ＭＳ Ｐゴシック"/>
        <family val="3"/>
        <charset val="128"/>
      </rPr>
      <t>（規則第2条の28第4項）。</t>
    </r>
    <rPh sb="383" eb="384">
      <t>ナイ</t>
    </rPh>
    <phoneticPr fontId="2"/>
  </si>
  <si>
    <r>
      <t>○　支給基準について定める事項（規則第2条の42）
　① 役員等の勤務形態に応じた報酬等の区分
　　　役員等の勤務形態に応じた報酬等の区分としては、常勤・非常勤別に報酬を定めることが考えられる。
　② 報酬等の金額の算定方法
       報酬等の金額の算定方法については、報酬等の算定の基礎となる額、役職、在職年数など、どのような過程を
　　　経てその額が算定されたか、法人として説明責任を果たすことができる基準を設定することが考えられる。
     ・評議員会が役職に応じた一人当たりの上限額を定めた上で、各理事の具体的な報酬金額については理事会
　　　が、監事や評議員については評議員会が決定するといった規程は許容される。
     ・退職慰労金については、退職時の月例報酬に在職年数に応じた支給基準を乗じて算出した額を上限に各理事
　　　については理事会が、監事や評議員については評議員会が決定するという方法も許容される。
     ・法人は、国等他団体の俸給表等を準用する場合、準用する給与規程（該当部分の抜粋も可）を支給基準の別紙
　　　と位置付け、支給基準と一体のものとして定めることとする。
     ・</t>
    </r>
    <r>
      <rPr>
        <u/>
        <sz val="9"/>
        <color theme="1"/>
        <rFont val="ＭＳ Ｐゴシック"/>
        <family val="3"/>
        <charset val="128"/>
      </rPr>
      <t xml:space="preserve">評議員会の決議によって定められた総額の範囲内において決定するという規程や、単に職員給与規程に定める
</t>
    </r>
    <r>
      <rPr>
        <sz val="9"/>
        <color theme="1"/>
        <rFont val="ＭＳ Ｐゴシック"/>
        <family val="3"/>
        <charset val="128"/>
      </rPr>
      <t>　　　</t>
    </r>
    <r>
      <rPr>
        <u/>
        <sz val="9"/>
        <color theme="1"/>
        <rFont val="ＭＳ Ｐゴシック"/>
        <family val="3"/>
        <charset val="128"/>
      </rPr>
      <t>職員の支給基準に準じて支給するというだけの規程は、</t>
    </r>
    <r>
      <rPr>
        <sz val="9"/>
        <color theme="1"/>
        <rFont val="ＭＳ Ｐゴシック"/>
        <family val="3"/>
        <charset val="128"/>
      </rPr>
      <t>どのような算定過程から具体的な報酬額が決定される
　　　のかを第三者が理解することは困難であり、</t>
    </r>
    <r>
      <rPr>
        <u/>
        <sz val="9"/>
        <color theme="1"/>
        <rFont val="ＭＳ Ｐゴシック"/>
        <family val="3"/>
        <charset val="128"/>
      </rPr>
      <t>法人として説明責任を果たすことができないため、認められない。</t>
    </r>
    <r>
      <rPr>
        <sz val="9"/>
        <color theme="1"/>
        <rFont val="ＭＳ Ｐゴシック"/>
        <family val="3"/>
        <charset val="128"/>
      </rPr>
      <t xml:space="preserve">
　③ 支給の方法
　　　支給の方法については、支給の時期（毎月か出席の都度か、各月又は各年のいつ頃か）や支給の手段（銀行振
　　　込か現金支給か）等が考えられる。
　④ 支給の形態
　　  支給の形態については、現金・現物の別等を記載する。ただし、報酬額につき金額の記載しかないなど、金銭支
　　　給であることが客観的に明らかな場合は、「現金」等である旨の記載は特段なくても差し支えない。
　　　なお、理事、監事及び評議員の報酬等の支給基準については、定款や評議員会の決議で定めた報酬等の額と整
　　　合性を図る必要がある。
○　役員等の報酬等の支給基準が「不当に高額」でないことについては、法人に説明責任がある。
　　 そのため、支給基準</t>
    </r>
    <r>
      <rPr>
        <sz val="9"/>
        <rFont val="ＭＳ Ｐゴシック"/>
        <family val="3"/>
        <charset val="128"/>
      </rPr>
      <t>（支給基準を変更する場合を含む。）</t>
    </r>
    <r>
      <rPr>
        <sz val="9"/>
        <color theme="1"/>
        <rFont val="ＭＳ Ｐゴシック"/>
        <family val="3"/>
        <charset val="128"/>
      </rPr>
      <t>が、民間事業者の役員の報酬等及び従業員の給与、当
　　 該法人の経理の状況その他の事情を考慮した上で定めたものであることについて、どのような検討を行ったかを含
　　 め、具体的に説明できることが求められる。</t>
    </r>
    <rPh sb="274" eb="275">
      <t>カイ</t>
    </rPh>
    <rPh sb="470" eb="471">
      <t>カミ</t>
    </rPh>
    <rPh sb="727" eb="728">
      <t>フ</t>
    </rPh>
    <rPh sb="911" eb="912">
      <t>ガク</t>
    </rPh>
    <rPh sb="989" eb="991">
      <t>シキュウ</t>
    </rPh>
    <rPh sb="991" eb="993">
      <t>キジュン</t>
    </rPh>
    <rPh sb="994" eb="996">
      <t>ヘンコウ</t>
    </rPh>
    <rPh sb="998" eb="1000">
      <t>バアイ</t>
    </rPh>
    <rPh sb="1001" eb="1002">
      <t>フク</t>
    </rPh>
    <phoneticPr fontId="2"/>
  </si>
  <si>
    <t>　　 ●令和７年度に支給した区分ごとの報酬等の総額
　　　・評議員全員の報酬等の総額 （　　　　　　　　　　　 円）
　　　・理事全員の報酬等の総額　 （　　　　　　　　　　　 円）
　　　・監事全員の報酬等の総額　 （　　　　　　　　　　　 円）
　　　・職員を兼務している理事の数　　　　 （　　　　　　人）</t>
    <rPh sb="10" eb="12">
      <t>シキュウ</t>
    </rPh>
    <phoneticPr fontId="2"/>
  </si>
  <si>
    <t>　　社会福祉事業及び公益事業を行うに当たり、日常生活若しくは社会生活上の
　支援を必要とする者に対して、無料又は低額な料金で、福祉サービスを積極的
　に提供するよう努めているか。</t>
    <rPh sb="82" eb="83">
      <t>ツト</t>
    </rPh>
    <phoneticPr fontId="2"/>
  </si>
  <si>
    <t>１　情報の公表</t>
    <phoneticPr fontId="2"/>
  </si>
  <si>
    <t>１　法人外への資金流出
　(1) 別法人へ資金の貸付けを行っていないか。</t>
    <rPh sb="2" eb="4">
      <t>ホウジン</t>
    </rPh>
    <rPh sb="4" eb="5">
      <t>ガイ</t>
    </rPh>
    <rPh sb="7" eb="9">
      <t>シキン</t>
    </rPh>
    <rPh sb="9" eb="11">
      <t>リュウシュツ</t>
    </rPh>
    <rPh sb="17" eb="18">
      <t>ベツ</t>
    </rPh>
    <rPh sb="18" eb="20">
      <t>ホウジン</t>
    </rPh>
    <rPh sb="21" eb="23">
      <t>シキン</t>
    </rPh>
    <rPh sb="24" eb="26">
      <t>カシツ</t>
    </rPh>
    <rPh sb="28" eb="29">
      <t>オコナ</t>
    </rPh>
    <phoneticPr fontId="2"/>
  </si>
  <si>
    <t xml:space="preserve"> (６)その他</t>
    <rPh sb="6" eb="7">
      <t>タ</t>
    </rPh>
    <phoneticPr fontId="2"/>
  </si>
  <si>
    <r>
      <rPr>
        <b/>
        <sz val="10"/>
        <color theme="1"/>
        <rFont val="游ゴシック"/>
        <family val="3"/>
        <charset val="128"/>
        <scheme val="minor"/>
      </rPr>
      <t>【 目　次 】</t>
    </r>
    <r>
      <rPr>
        <sz val="9"/>
        <color theme="1"/>
        <rFont val="游ゴシック"/>
        <family val="3"/>
        <charset val="128"/>
        <scheme val="minor"/>
      </rPr>
      <t xml:space="preserve">
　　　</t>
    </r>
    <r>
      <rPr>
        <b/>
        <sz val="9"/>
        <color theme="1"/>
        <rFont val="游ゴシック"/>
        <family val="3"/>
        <charset val="128"/>
        <scheme val="minor"/>
      </rPr>
      <t>第Ⅰ　法人運営</t>
    </r>
    <r>
      <rPr>
        <sz val="9"/>
        <color theme="1"/>
        <rFont val="游ゴシック"/>
        <family val="3"/>
        <charset val="128"/>
        <scheme val="minor"/>
      </rPr>
      <t xml:space="preserve">
　　　　　１　定款　　・・・・・・・・・・・・・・・・・・・・・・・・・・・・ 　　    １
　　　　　２　内部管理体制　　・・・・・・・・・・・・・・・・・・・・・・・・　　     ３
　　　　　３　評議員・評議員会　
　　　　　　　(1) 評議員の選任　　・・・・・・・・・・・・・・・・・・・・・・・　　   ３
　　　　　　　(2) 評議員会の招集・運営　　・・・・・・・・・・・・・・・・・・・　　   ７
　　　　　４　理事
　　　　　　　(1) 定数　　・・・・・・・・・・・・・・・・・・・・・・・・・・・　   １３
　　　　　　　(2) 選任及び解任　　・・・・・・・・・・・・・・・・・・・・・・・　   １３
　　　　　　　(3) 適格性　　・・・・・・・・・・・・・・・・・・・・・・・・・・　   １５
　　　　　　　(4) 理事長等　・・・・・・・・・・・・・・・・・・・・・・・・・・　   １７
　　　　　５　監事
　　　　　　　(1) 定数　　・・・・・・・・・・・・・・・・・・・・・・・・・・・　   １９
　　　　　　　(2) 選任及び解任　　・・・・・・・・・・・・・・・・・・・・・ ・・　  １９
　　　　　　　(3) 職務・義務　　・・・・・・・・・・・・・・・・・・・・・・ ・・　  ２３
　　　　　６　理事会
　　　　　　　(1) 審議状況　　・・・・・・・・・・・・・・・・・・・・・・・ ・・　  ２７
　　　　　　　(2) 記録　　・・・・・・・・・・・・・・・・・・・・・・・・・・・　   ３１
　　　　　　　(3) 債権債務の状況　　・・・・・・・・・・・・・・・・・・・・・・　   ３１
　　　　　７　会計監査人　　・・・・・・・・・・・・・・・・・・・・・・・・・　     ３３
　　　　　８　評議員、理事、監事及び会計監査人の報酬
　　　　　　　(1) 報酬　　・・・・・・・・・・・・・・・・・・・・・・・・・・・　   ３５
　　　　　　　(2) 報酬等支給基準　　・・・・・・・・・・・・・・・・・・・・・・　   ３７
　　　　　　　(3) 報酬等の支給　　・・・・・・・・・・・・・・・・・・・・・・・　   ３９
　　　　　　　(4) 報酬等の総額の公表　　・・・・・・・・・・・・・・・・・・・・　   ３９
</t>
    </r>
    <r>
      <rPr>
        <b/>
        <sz val="9"/>
        <color theme="1"/>
        <rFont val="游ゴシック"/>
        <family val="3"/>
        <charset val="128"/>
        <scheme val="minor"/>
      </rPr>
      <t>　　　第Ⅱ　事業</t>
    </r>
    <r>
      <rPr>
        <sz val="9"/>
        <color theme="1"/>
        <rFont val="游ゴシック"/>
        <family val="3"/>
        <charset val="128"/>
        <scheme val="minor"/>
      </rPr>
      <t xml:space="preserve">
　　　　　１　事業一般　　・・・・・・・・・・・・・・・・・・・・・・・・・・        ４１
　　　　　２　社会福祉事業　　・・・・・・・・・・・・・・・・・・・・・・・・        ４３
　　　　　３　公益事業　　・・・・・・・・・・・・・・・・・・・・・・・・・・        ４７
　　　　　４　収益事業　　・・・・・・・・・・・・・・・・・・・・・・・・・・        ４９
</t>
    </r>
    <r>
      <rPr>
        <b/>
        <sz val="9"/>
        <color theme="1"/>
        <rFont val="游ゴシック"/>
        <family val="3"/>
        <charset val="128"/>
        <scheme val="minor"/>
      </rPr>
      <t>　　　第Ⅲ　管理</t>
    </r>
    <r>
      <rPr>
        <sz val="9"/>
        <color theme="1"/>
        <rFont val="游ゴシック"/>
        <family val="3"/>
        <charset val="128"/>
        <scheme val="minor"/>
      </rPr>
      <t xml:space="preserve">
　　　　　１　人事管理　　・・・・・・・・・・・・・・・・・・・・・・・・・・        ５１
　　　　　２　資産管理　　
　　　　　　　(1) 基本財産　　・・・・・・・・・・・・・・・・・・・・・・・・・　  ５１
　　　　　　　(2) 基本財産以外の財産　　・・・・・・・・・・・・・・・・・・・・　  ５３
　　　　　　　(3) 株式保有　　・・・・・・・・・・・・・・・・・・・・・・・・・　  ５３
　　　　　　　(4) 不動産の借用　　・・・・・・・・・・・・・・・・・・・・・・・　  ５５
　　　　　３　会計管理
　　　　　　　(1) 会計の原則　　・・・・・・・・・・・・・・・・・・・・・・・・　  ５７
　　　　　　　(2) 規程・体制　　・・・・・・・・・・・・・・・・・・・・・・・・　  ５７
　　　　　　　(3) 会計処理　　・・・・・・・・・・・・・・・・・・・・・・・・・　  ５７
　　　　　　　(4) 会計帳簿　　・・・・・・・・・・・・・・・・・・・・・・・・・　  ７３
　　　　　　　(5) 附属明細書等　　・・・・・・・・・・・・・・・・・・・・・・・　  ７３
　　　　　　　(6) その他　　・・・・・・・・・・・・・・・・・・・・・・・・・・　  ７７
　　　　　４　その他
　　　　　　　(1) 特別の利益供与の禁止　　・・・・・・・・・・・・・・・・・・　　  ７９
　　　　　　　(2) 社会福祉充実計画　　・・・・・・・・・・・・・・・・・・・・　　  ７９
　　　　　　　(3) 情報の公表　　・・・・・・・・・・・・・・・・・・・・・・・　　  ８１
　　　　　　　(4) その他　　・・・・・・・・・・・・・・・・・・・・・・・・・　　  ８３
</t>
    </r>
    <rPh sb="1761" eb="1762">
      <t>タ</t>
    </rPh>
    <phoneticPr fontId="2"/>
  </si>
  <si>
    <t>◎特別養護老人ホームにおける繰越金等の取扱い等について（H12.3.10老発第188号)
◎障害者自立支援法の施行に伴う移行時特別積立金等の取扱いについて（H18.10.18障発第1018003号）
◎社会福祉法人が経営する社会福祉施設における運営費の運用及び指導について（H16.3.12 雇児発第0312001号他）
◎子ども・子育て支援法附則第６条の規定による私立保育所に対する委託費の経理等について（H27.9.3府子本第254号 雇児発0903第6号）</t>
    <phoneticPr fontId="2"/>
  </si>
  <si>
    <r>
      <t xml:space="preserve">
</t>
    </r>
    <r>
      <rPr>
        <b/>
        <sz val="9"/>
        <color theme="1"/>
        <rFont val="游ゴシック"/>
        <family val="3"/>
        <charset val="128"/>
        <scheme val="minor"/>
      </rPr>
      <t>【　指導監査の法的根拠　】</t>
    </r>
    <r>
      <rPr>
        <sz val="9"/>
        <color theme="1"/>
        <rFont val="游ゴシック"/>
        <family val="3"/>
        <charset val="128"/>
        <scheme val="minor"/>
      </rPr>
      <t xml:space="preserve">
　</t>
    </r>
    <r>
      <rPr>
        <b/>
        <sz val="9"/>
        <color theme="1"/>
        <rFont val="游ゴシック"/>
        <family val="3"/>
        <charset val="128"/>
        <scheme val="minor"/>
      </rPr>
      <t>○社会福祉法第56条第1項（監督）</t>
    </r>
    <r>
      <rPr>
        <sz val="9"/>
        <color theme="1"/>
        <rFont val="游ゴシック"/>
        <family val="3"/>
        <charset val="128"/>
        <scheme val="minor"/>
      </rPr>
      <t xml:space="preserve">
　　　所轄庁は、この法律の施行に必要な限度において、社会福祉法人に対し、その業務若しくは財産の状況に関し
　　報告をさせ、又は当該職員に、社会福祉法人の事務所その他の施設に立ち入り、その業務若しくは財産の状況若
　　しくは帳簿</t>
    </r>
    <r>
      <rPr>
        <sz val="9"/>
        <color rgb="FFFF0000"/>
        <rFont val="游ゴシック"/>
        <family val="3"/>
        <charset val="128"/>
        <scheme val="minor"/>
      </rPr>
      <t>、</t>
    </r>
    <r>
      <rPr>
        <sz val="9"/>
        <color theme="1"/>
        <rFont val="游ゴシック"/>
        <family val="3"/>
        <charset val="128"/>
        <scheme val="minor"/>
      </rPr>
      <t>書類その他の物件を検査させることができる。
　</t>
    </r>
    <r>
      <rPr>
        <b/>
        <sz val="9"/>
        <color theme="1"/>
        <rFont val="游ゴシック"/>
        <family val="3"/>
        <charset val="128"/>
        <scheme val="minor"/>
      </rPr>
      <t>○児童福祉法第46条第1項</t>
    </r>
    <r>
      <rPr>
        <sz val="9"/>
        <color theme="1"/>
        <rFont val="游ゴシック"/>
        <family val="3"/>
        <charset val="128"/>
        <scheme val="minor"/>
      </rPr>
      <t xml:space="preserve">
　　　都道府県知事は、第45条第1項及び前条第1項の基準を維持するため、児童福祉施設の設置者、児童福祉施設の
　　長及び里親に対して、必要な報告を求め、児童の福祉に関する事務に従事する職員に、関係者に対して質問させ、
       若しくはその施設に立ち入り、設備、帳簿書類その他の物件を検査させることができる。
　</t>
    </r>
    <r>
      <rPr>
        <b/>
        <sz val="9"/>
        <color theme="1"/>
        <rFont val="游ゴシック"/>
        <family val="3"/>
        <charset val="128"/>
        <scheme val="minor"/>
      </rPr>
      <t>○生活保護法第44条第1項（報告の徴収及び立入検査）</t>
    </r>
    <r>
      <rPr>
        <sz val="9"/>
        <color theme="1"/>
        <rFont val="游ゴシック"/>
        <family val="3"/>
        <charset val="128"/>
        <scheme val="minor"/>
      </rPr>
      <t xml:space="preserve">
　　　都道府県知事は、保護施設の管理者に対して、その業務若しくは会計の状況その他必要と認める事項の報告を
　　命じ、又は当該職員に、その施設に立ち入り、その管理者からその設備及び会計書類、診療録その他の帳簿書類
　　（その作成又は保存に代えて電磁的記録（電子的方式、磁気的方式その他人の知覚によっては認識することがで
　　きない方式で作られる記録であって、電子計算機による情報処理の用に供されるものをいう。）の作成又は保存
　　がされている場合における当該電磁的記録を含む。</t>
    </r>
    <r>
      <rPr>
        <sz val="9"/>
        <rFont val="游ゴシック"/>
        <family val="3"/>
        <charset val="128"/>
        <scheme val="minor"/>
      </rPr>
      <t>以下</t>
    </r>
    <r>
      <rPr>
        <sz val="9"/>
        <color theme="1"/>
        <rFont val="游ゴシック"/>
        <family val="3"/>
        <charset val="128"/>
        <scheme val="minor"/>
      </rPr>
      <t>同じ。）の閲覧及び説明を求めさせ、若しくはこれを検
　　査させることができる。
　</t>
    </r>
    <r>
      <rPr>
        <b/>
        <sz val="9"/>
        <color theme="1"/>
        <rFont val="游ゴシック"/>
        <family val="3"/>
        <charset val="128"/>
        <scheme val="minor"/>
      </rPr>
      <t>○社会福祉法第70条（調査）</t>
    </r>
    <r>
      <rPr>
        <sz val="9"/>
        <color theme="1"/>
        <rFont val="游ゴシック"/>
        <family val="3"/>
        <charset val="128"/>
        <scheme val="minor"/>
      </rPr>
      <t xml:space="preserve">
　　　都道府県知事は、この法律の目的を達成するため、社会福祉事業を経営する者に対し、必要と認める事項の報
　　告を求め、又は当該職員をして、施設、帳簿、書類等を検査し、その他事業経営の状況を調査させることができる。</t>
    </r>
    <r>
      <rPr>
        <b/>
        <sz val="9"/>
        <color theme="1"/>
        <rFont val="游ゴシック"/>
        <family val="3"/>
        <charset val="128"/>
        <scheme val="minor"/>
      </rPr>
      <t xml:space="preserve">
　○老人福祉法第18条第2項（報告の徴収等）
</t>
    </r>
    <r>
      <rPr>
        <sz val="9"/>
        <color theme="1"/>
        <rFont val="游ゴシック"/>
        <family val="3"/>
        <charset val="128"/>
        <scheme val="minor"/>
      </rPr>
      <t xml:space="preserve">　　　都道府県知事は、前条第1項の基準を維持するため、養護老人ホーム又は特別養護老人ホームの長に対して、
　　必要と認める事項の報告を求め、又は当該職員に、関係者に対して質問させ、若しくはその施設に立ち入り、設
　　備、帳簿書類その他の物件を検査させることができる。
   </t>
    </r>
    <r>
      <rPr>
        <b/>
        <sz val="9"/>
        <color theme="1"/>
        <rFont val="游ゴシック"/>
        <family val="3"/>
        <charset val="128"/>
        <scheme val="minor"/>
      </rPr>
      <t>○就学前の子どもに関する教育、保育等の総合的な提供の推進に関する法律第19条第1項（報告の徴収等）</t>
    </r>
    <r>
      <rPr>
        <sz val="9"/>
        <color theme="1"/>
        <rFont val="游ゴシック"/>
        <family val="3"/>
        <charset val="128"/>
        <scheme val="minor"/>
      </rPr>
      <t xml:space="preserve">
　　　都道府県知事（指定都市等所在施設である幼保連携型認定こども園（都道府県が設置するものを除く。）につ
　　いては、当該指定都市等の長。第28条から第30条まで並びに第34条第3項及び第9項を除き、以下同じ。）は、
　　この法律を施行するため必要があると認めるときは、幼保連携型認定こども園の設置者若しくは園長に対して、
　　必要と認める事項の報告を求め、又は当該職員に関係者に対して質問させ、若しくはその施設に立ち入り、設
　　備、帳簿書類その他の物件を検査させることができる。
　</t>
    </r>
    <r>
      <rPr>
        <b/>
        <sz val="9"/>
        <color theme="1"/>
        <rFont val="游ゴシック"/>
        <family val="3"/>
        <charset val="128"/>
        <scheme val="minor"/>
      </rPr>
      <t>○児童福祉法第34条の17</t>
    </r>
    <r>
      <rPr>
        <sz val="9"/>
        <color theme="1"/>
        <rFont val="游ゴシック"/>
        <family val="3"/>
        <charset val="128"/>
        <scheme val="minor"/>
      </rPr>
      <t xml:space="preserve">
　　　市町村長は、家庭的保育事業等若しくは乳児等通園支援事業を行う者に対して、必要と認める事項の報告を
　　求め、又は当該職員に、関係者に対して質問させ、若しくは事業を行う場所に立ち入り、設備、帳簿書類その
　　他の物件を検査させることができる。</t>
    </r>
    <rPh sb="622" eb="624">
      <t>イカ</t>
    </rPh>
    <rPh sb="1242" eb="1244">
      <t>ジドウ</t>
    </rPh>
    <rPh sb="1244" eb="1246">
      <t>フクシ</t>
    </rPh>
    <phoneticPr fontId="2"/>
  </si>
  <si>
    <t>○　当該特別養護老人ホームを経営する社会福祉法人外
　への資金の流出（貸付を含む。）に属する経費に充てる
　ことはできない。（特別養護老人ホーム）
○　当該指定障害者支援施設を経営する社会福祉法人外
　への資金の流出（貸付を含む。）に属する経費に充てる
　ことはできない。（障害者支援施設）
○　同一法人内における各サービス区分、各拠点区分及
　び各事業区分以外への貸付けは一切認められない。
　（措置施設）
○　同一法人内における各施設拠点区分、本部拠点区分
　又は収益事業等の事業区分以外への貸付は一切認め
　られない。（保育所）</t>
    <rPh sb="2" eb="4">
      <t>トウガイ</t>
    </rPh>
    <rPh sb="4" eb="10">
      <t>トクベツヨウゴロウジン</t>
    </rPh>
    <rPh sb="14" eb="16">
      <t>ケイエイ</t>
    </rPh>
    <rPh sb="18" eb="24">
      <t>シャ</t>
    </rPh>
    <rPh sb="24" eb="25">
      <t>ガイ</t>
    </rPh>
    <rPh sb="29" eb="31">
      <t>シキン</t>
    </rPh>
    <rPh sb="32" eb="34">
      <t>リュウシュツ</t>
    </rPh>
    <rPh sb="35" eb="37">
      <t>カシツケ</t>
    </rPh>
    <rPh sb="38" eb="39">
      <t>フク</t>
    </rPh>
    <rPh sb="43" eb="44">
      <t>ゾク</t>
    </rPh>
    <rPh sb="46" eb="48">
      <t>ケイヒ</t>
    </rPh>
    <rPh sb="49" eb="50">
      <t>ア</t>
    </rPh>
    <rPh sb="63" eb="72">
      <t>トク</t>
    </rPh>
    <rPh sb="79" eb="81">
      <t>シテイ</t>
    </rPh>
    <rPh sb="81" eb="84">
      <t>ショウガイシャ</t>
    </rPh>
    <rPh sb="84" eb="86">
      <t>シエン</t>
    </rPh>
    <rPh sb="86" eb="88">
      <t>シセツ</t>
    </rPh>
    <rPh sb="138" eb="141">
      <t>ショウガイシャ</t>
    </rPh>
    <rPh sb="141" eb="143">
      <t>シエン</t>
    </rPh>
    <rPh sb="143" eb="145">
      <t>シセツ</t>
    </rPh>
    <rPh sb="151" eb="153">
      <t>ドウイツ</t>
    </rPh>
    <rPh sb="153" eb="155">
      <t>ホウジン</t>
    </rPh>
    <rPh sb="155" eb="156">
      <t>ナイ</t>
    </rPh>
    <rPh sb="160" eb="161">
      <t>カク</t>
    </rPh>
    <rPh sb="165" eb="167">
      <t>クブン</t>
    </rPh>
    <rPh sb="168" eb="169">
      <t>カク</t>
    </rPh>
    <rPh sb="169" eb="171">
      <t>キョテン</t>
    </rPh>
    <rPh sb="171" eb="173">
      <t>クブン</t>
    </rPh>
    <rPh sb="173" eb="174">
      <t>オヨ</t>
    </rPh>
    <rPh sb="177" eb="178">
      <t>カク</t>
    </rPh>
    <rPh sb="178" eb="180">
      <t>ジギョウ</t>
    </rPh>
    <rPh sb="180" eb="182">
      <t>クブン</t>
    </rPh>
    <rPh sb="182" eb="184">
      <t>イガイ</t>
    </rPh>
    <rPh sb="186" eb="188">
      <t>カシツ</t>
    </rPh>
    <rPh sb="190" eb="192">
      <t>イッサイ</t>
    </rPh>
    <rPh sb="192" eb="193">
      <t>ミト</t>
    </rPh>
    <rPh sb="202" eb="204">
      <t>ソチ</t>
    </rPh>
    <rPh sb="204" eb="206">
      <t>シセツ</t>
    </rPh>
    <rPh sb="229" eb="231">
      <t>ホンブ</t>
    </rPh>
    <rPh sb="231" eb="233">
      <t>キョテン</t>
    </rPh>
    <rPh sb="237" eb="238">
      <t>マタ</t>
    </rPh>
    <rPh sb="239" eb="241">
      <t>シュウエキ</t>
    </rPh>
    <rPh sb="241" eb="243">
      <t>ジギョウ</t>
    </rPh>
    <rPh sb="243" eb="244">
      <t>トウ</t>
    </rPh>
    <rPh sb="245" eb="247">
      <t>ジギョウ</t>
    </rPh>
    <rPh sb="247" eb="249">
      <t>クブン</t>
    </rPh>
    <rPh sb="268" eb="270">
      <t>ホイク</t>
    </rPh>
    <rPh sb="270" eb="271">
      <t>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font>
      <sz val="11"/>
      <color theme="1"/>
      <name val="游ゴシック"/>
      <family val="2"/>
      <charset val="128"/>
      <scheme val="minor"/>
    </font>
    <font>
      <sz val="11"/>
      <color theme="1"/>
      <name val="ＭＳ Ｐゴシック"/>
      <family val="3"/>
      <charset val="128"/>
    </font>
    <font>
      <sz val="6"/>
      <name val="游ゴシック"/>
      <family val="2"/>
      <charset val="128"/>
      <scheme val="minor"/>
    </font>
    <font>
      <sz val="12"/>
      <name val="ＭＳ Ｐゴシック"/>
      <family val="3"/>
      <charset val="128"/>
    </font>
    <font>
      <sz val="6"/>
      <name val="ＭＳ Ｐゴシック"/>
      <family val="3"/>
      <charset val="128"/>
    </font>
    <font>
      <sz val="9"/>
      <name val="ＭＳ Ｐゴシック"/>
      <family val="3"/>
      <charset val="128"/>
    </font>
    <font>
      <sz val="9"/>
      <color theme="1"/>
      <name val="ＭＳ Ｐゴシック"/>
      <family val="3"/>
      <charset val="128"/>
    </font>
    <font>
      <u/>
      <sz val="9"/>
      <color theme="1"/>
      <name val="ＭＳ Ｐゴシック"/>
      <family val="3"/>
      <charset val="128"/>
    </font>
    <font>
      <sz val="10"/>
      <color theme="1"/>
      <name val="ＭＳ Ｐゴシック"/>
      <family val="3"/>
      <charset val="128"/>
    </font>
    <font>
      <b/>
      <sz val="18"/>
      <color theme="1"/>
      <name val="ＭＳ Ｐゴシック"/>
      <family val="3"/>
      <charset val="128"/>
    </font>
    <font>
      <b/>
      <sz val="10"/>
      <color theme="1"/>
      <name val="游ゴシック"/>
      <family val="3"/>
      <charset val="128"/>
      <scheme val="minor"/>
    </font>
    <font>
      <sz val="9"/>
      <color theme="1"/>
      <name val="游ゴシック"/>
      <family val="3"/>
      <charset val="128"/>
      <scheme val="minor"/>
    </font>
    <font>
      <sz val="11"/>
      <color theme="1"/>
      <name val="游ゴシック"/>
      <family val="3"/>
      <charset val="128"/>
      <scheme val="minor"/>
    </font>
    <font>
      <sz val="9"/>
      <color rgb="FFFF0000"/>
      <name val="游ゴシック"/>
      <family val="3"/>
      <charset val="128"/>
      <scheme val="minor"/>
    </font>
    <font>
      <sz val="9"/>
      <color theme="1"/>
      <name val="Segoe UI Symbol"/>
      <family val="2"/>
    </font>
    <font>
      <b/>
      <sz val="9"/>
      <color theme="1"/>
      <name val="游ゴシック"/>
      <family val="3"/>
      <charset val="128"/>
      <scheme val="minor"/>
    </font>
    <font>
      <b/>
      <sz val="11"/>
      <color theme="1"/>
      <name val="游ゴシック"/>
      <family val="3"/>
      <charset val="128"/>
      <scheme val="minor"/>
    </font>
    <font>
      <sz val="14"/>
      <name val="ＭＳ Ｐゴシック"/>
      <family val="3"/>
      <charset val="128"/>
    </font>
    <font>
      <sz val="12"/>
      <name val="游ゴシック"/>
      <family val="3"/>
      <charset val="128"/>
      <scheme val="minor"/>
    </font>
    <font>
      <b/>
      <sz val="14"/>
      <color theme="1"/>
      <name val="游ゴシック"/>
      <family val="3"/>
      <charset val="128"/>
      <scheme val="minor"/>
    </font>
    <font>
      <b/>
      <sz val="18"/>
      <color theme="1"/>
      <name val="游ゴシック"/>
      <family val="3"/>
      <charset val="128"/>
      <scheme val="minor"/>
    </font>
    <font>
      <sz val="12"/>
      <color theme="1"/>
      <name val="游ゴシック"/>
      <family val="3"/>
      <charset val="128"/>
      <scheme val="minor"/>
    </font>
    <font>
      <b/>
      <sz val="11"/>
      <name val="游ゴシック"/>
      <family val="3"/>
      <charset val="128"/>
      <scheme val="minor"/>
    </font>
    <font>
      <sz val="11"/>
      <name val="游ゴシック"/>
      <family val="3"/>
      <charset val="128"/>
      <scheme val="minor"/>
    </font>
    <font>
      <u/>
      <sz val="9"/>
      <name val="ＭＳ Ｐゴシック"/>
      <family val="3"/>
      <charset val="128"/>
    </font>
    <font>
      <b/>
      <u/>
      <sz val="9"/>
      <name val="ＭＳ Ｐゴシック"/>
      <family val="3"/>
      <charset val="128"/>
    </font>
    <font>
      <sz val="9"/>
      <name val="游ゴシック"/>
      <family val="3"/>
      <charset val="128"/>
      <scheme val="minor"/>
    </font>
    <font>
      <u/>
      <sz val="11"/>
      <name val="游ゴシック"/>
      <family val="3"/>
      <charset val="128"/>
      <scheme val="minor"/>
    </font>
  </fonts>
  <fills count="4">
    <fill>
      <patternFill patternType="none"/>
    </fill>
    <fill>
      <patternFill patternType="gray125"/>
    </fill>
    <fill>
      <patternFill patternType="solid">
        <fgColor theme="4" tint="0.79998168889431442"/>
        <bgColor indexed="64"/>
      </patternFill>
    </fill>
    <fill>
      <patternFill patternType="solid">
        <fgColor theme="0"/>
        <bgColor indexed="64"/>
      </patternFill>
    </fill>
  </fills>
  <borders count="47">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auto="1"/>
      </left>
      <right style="thin">
        <color auto="1"/>
      </right>
      <top/>
      <bottom style="thin">
        <color auto="1"/>
      </bottom>
      <diagonal/>
    </border>
    <border>
      <left/>
      <right/>
      <top style="thin">
        <color indexed="64"/>
      </top>
      <bottom/>
      <diagonal/>
    </border>
    <border>
      <left/>
      <right/>
      <top/>
      <bottom style="thin">
        <color indexed="64"/>
      </bottom>
      <diagonal/>
    </border>
    <border>
      <left/>
      <right/>
      <top style="thin">
        <color auto="1"/>
      </top>
      <bottom style="thin">
        <color indexed="64"/>
      </bottom>
      <diagonal/>
    </border>
    <border>
      <left/>
      <right/>
      <top style="dotted">
        <color indexed="64"/>
      </top>
      <bottom style="dotted">
        <color indexed="64"/>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medium">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right/>
      <top/>
      <bottom style="dotted">
        <color indexed="64"/>
      </bottom>
      <diagonal/>
    </border>
    <border>
      <left/>
      <right/>
      <top style="dotted">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style="medium">
        <color indexed="64"/>
      </bottom>
      <diagonal/>
    </border>
    <border>
      <left style="thick">
        <color indexed="64"/>
      </left>
      <right style="thin">
        <color indexed="64"/>
      </right>
      <top style="thick">
        <color indexed="64"/>
      </top>
      <bottom style="medium">
        <color indexed="64"/>
      </bottom>
      <diagonal/>
    </border>
    <border>
      <left style="thin">
        <color indexed="64"/>
      </left>
      <right style="thin">
        <color indexed="64"/>
      </right>
      <top style="thick">
        <color indexed="64"/>
      </top>
      <bottom style="thin">
        <color indexed="64"/>
      </bottom>
      <diagonal/>
    </border>
    <border>
      <left style="thick">
        <color indexed="64"/>
      </left>
      <right style="thin">
        <color indexed="64"/>
      </right>
      <top style="medium">
        <color indexed="64"/>
      </top>
      <bottom style="medium">
        <color indexed="64"/>
      </bottom>
      <diagonal/>
    </border>
    <border>
      <left style="medium">
        <color indexed="64"/>
      </left>
      <right style="thick">
        <color indexed="64"/>
      </right>
      <top style="thin">
        <color indexed="64"/>
      </top>
      <bottom style="thin">
        <color indexed="64"/>
      </bottom>
      <diagonal/>
    </border>
    <border>
      <left style="thick">
        <color indexed="64"/>
      </left>
      <right style="thin">
        <color indexed="64"/>
      </right>
      <top style="medium">
        <color indexed="64"/>
      </top>
      <bottom style="thin">
        <color indexed="64"/>
      </bottom>
      <diagonal/>
    </border>
    <border>
      <left style="thick">
        <color indexed="64"/>
      </left>
      <right style="thin">
        <color indexed="64"/>
      </right>
      <top/>
      <bottom style="medium">
        <color indexed="64"/>
      </bottom>
      <diagonal/>
    </border>
    <border>
      <left/>
      <right style="thick">
        <color indexed="64"/>
      </right>
      <top style="thin">
        <color indexed="64"/>
      </top>
      <bottom style="thin">
        <color indexed="64"/>
      </bottom>
      <diagonal/>
    </border>
    <border>
      <left/>
      <right style="thick">
        <color indexed="64"/>
      </right>
      <top/>
      <bottom style="dotted">
        <color indexed="64"/>
      </bottom>
      <diagonal/>
    </border>
    <border>
      <left/>
      <right style="thick">
        <color indexed="64"/>
      </right>
      <top style="dotted">
        <color indexed="64"/>
      </top>
      <bottom style="thin">
        <color indexed="64"/>
      </bottom>
      <diagonal/>
    </border>
    <border>
      <left/>
      <right style="thick">
        <color indexed="64"/>
      </right>
      <top/>
      <bottom/>
      <diagonal/>
    </border>
    <border>
      <left/>
      <right style="thick">
        <color indexed="64"/>
      </right>
      <top style="dotted">
        <color indexed="64"/>
      </top>
      <bottom style="dotted">
        <color indexed="64"/>
      </bottom>
      <diagonal/>
    </border>
    <border>
      <left style="thick">
        <color indexed="64"/>
      </left>
      <right style="thin">
        <color indexed="64"/>
      </right>
      <top style="medium">
        <color indexed="64"/>
      </top>
      <bottom style="thick">
        <color indexed="64"/>
      </bottom>
      <diagonal/>
    </border>
    <border>
      <left style="thin">
        <color indexed="64"/>
      </left>
      <right style="thin">
        <color indexed="64"/>
      </right>
      <top style="medium">
        <color indexed="64"/>
      </top>
      <bottom style="thick">
        <color indexed="64"/>
      </bottom>
      <diagonal/>
    </border>
    <border>
      <left/>
      <right/>
      <top/>
      <bottom style="thick">
        <color indexed="64"/>
      </bottom>
      <diagonal/>
    </border>
    <border>
      <left/>
      <right style="thick">
        <color indexed="64"/>
      </right>
      <top/>
      <bottom style="thick">
        <color indexed="64"/>
      </bottom>
      <diagonal/>
    </border>
    <border>
      <left/>
      <right style="medium">
        <color indexed="64"/>
      </right>
      <top/>
      <bottom style="thin">
        <color indexed="64"/>
      </bottom>
      <diagonal/>
    </border>
    <border>
      <left style="medium">
        <color indexed="64"/>
      </left>
      <right style="medium">
        <color indexed="64"/>
      </right>
      <top/>
      <bottom style="thin">
        <color indexed="64"/>
      </bottom>
      <diagonal/>
    </border>
    <border>
      <left style="medium">
        <color indexed="64"/>
      </left>
      <right style="thick">
        <color indexed="64"/>
      </right>
      <top/>
      <bottom style="thin">
        <color indexed="64"/>
      </bottom>
      <diagonal/>
    </border>
    <border>
      <left style="thin">
        <color indexed="64"/>
      </left>
      <right style="medium">
        <color indexed="64"/>
      </right>
      <top style="thick">
        <color indexed="64"/>
      </top>
      <bottom/>
      <diagonal/>
    </border>
    <border>
      <left style="medium">
        <color indexed="64"/>
      </left>
      <right style="medium">
        <color indexed="64"/>
      </right>
      <top style="thick">
        <color indexed="64"/>
      </top>
      <bottom/>
      <diagonal/>
    </border>
    <border>
      <left style="medium">
        <color indexed="64"/>
      </left>
      <right style="thick">
        <color indexed="64"/>
      </right>
      <top style="thick">
        <color indexed="64"/>
      </top>
      <bottom/>
      <diagonal/>
    </border>
  </borders>
  <cellStyleXfs count="1">
    <xf numFmtId="0" fontId="0" fillId="0" borderId="0">
      <alignment vertical="center"/>
    </xf>
  </cellStyleXfs>
  <cellXfs count="187">
    <xf numFmtId="0" fontId="0" fillId="0" borderId="0" xfId="0">
      <alignment vertical="center"/>
    </xf>
    <xf numFmtId="0" fontId="1" fillId="0" borderId="0" xfId="0" applyFont="1" applyAlignment="1">
      <alignment vertical="top"/>
    </xf>
    <xf numFmtId="0" fontId="1" fillId="0" borderId="0" xfId="0" applyFont="1" applyAlignment="1">
      <alignment vertical="top" wrapText="1"/>
    </xf>
    <xf numFmtId="0" fontId="6" fillId="0" borderId="0" xfId="0" applyFont="1" applyAlignment="1">
      <alignment vertical="top"/>
    </xf>
    <xf numFmtId="0" fontId="1" fillId="0" borderId="9" xfId="0" applyFont="1" applyBorder="1" applyAlignment="1">
      <alignment vertical="top"/>
    </xf>
    <xf numFmtId="0" fontId="3" fillId="0" borderId="9" xfId="0" applyFont="1" applyBorder="1" applyAlignment="1">
      <alignment horizontal="center" vertical="top" wrapText="1"/>
    </xf>
    <xf numFmtId="0" fontId="6" fillId="0" borderId="9" xfId="0" applyFont="1" applyBorder="1" applyAlignment="1">
      <alignment vertical="top"/>
    </xf>
    <xf numFmtId="0" fontId="1" fillId="0" borderId="8" xfId="0" applyFont="1" applyBorder="1" applyAlignment="1">
      <alignment vertical="top" wrapText="1"/>
    </xf>
    <xf numFmtId="0" fontId="6" fillId="0" borderId="9" xfId="0" applyFont="1" applyBorder="1" applyAlignment="1">
      <alignment vertical="top" wrapText="1"/>
    </xf>
    <xf numFmtId="0" fontId="6" fillId="0" borderId="10" xfId="0" applyFont="1" applyBorder="1" applyAlignment="1">
      <alignment vertical="top" wrapText="1"/>
    </xf>
    <xf numFmtId="0" fontId="6" fillId="0" borderId="11" xfId="0" applyFont="1" applyBorder="1" applyAlignment="1">
      <alignment vertical="top" wrapText="1"/>
    </xf>
    <xf numFmtId="0" fontId="6" fillId="0" borderId="0" xfId="0" applyFont="1" applyAlignment="1">
      <alignment vertical="top" wrapText="1"/>
    </xf>
    <xf numFmtId="0" fontId="3" fillId="0" borderId="10" xfId="0" applyFont="1" applyBorder="1" applyAlignment="1">
      <alignment horizontal="center" vertical="top" wrapText="1"/>
    </xf>
    <xf numFmtId="0" fontId="6" fillId="0" borderId="10" xfId="0" applyFont="1" applyBorder="1" applyAlignment="1">
      <alignment vertical="top"/>
    </xf>
    <xf numFmtId="0" fontId="6" fillId="0" borderId="3" xfId="0" applyFont="1" applyBorder="1" applyAlignment="1">
      <alignment vertical="top" wrapText="1"/>
    </xf>
    <xf numFmtId="0" fontId="8" fillId="0" borderId="0" xfId="0" applyFont="1">
      <alignment vertical="center"/>
    </xf>
    <xf numFmtId="0" fontId="8" fillId="0" borderId="0" xfId="0" applyFont="1" applyAlignment="1">
      <alignment vertical="top" wrapText="1"/>
    </xf>
    <xf numFmtId="0" fontId="6" fillId="0" borderId="12" xfId="0" applyFont="1" applyBorder="1" applyAlignment="1">
      <alignment vertical="top" wrapText="1"/>
    </xf>
    <xf numFmtId="0" fontId="6" fillId="0" borderId="8" xfId="0" applyFont="1" applyBorder="1" applyAlignment="1">
      <alignment vertical="top" wrapText="1"/>
    </xf>
    <xf numFmtId="0" fontId="6" fillId="0" borderId="13" xfId="0" applyFont="1" applyBorder="1" applyAlignment="1">
      <alignment vertical="top" wrapText="1"/>
    </xf>
    <xf numFmtId="0" fontId="6" fillId="0" borderId="14" xfId="0" applyFont="1" applyBorder="1" applyAlignment="1">
      <alignment vertical="top" wrapText="1"/>
    </xf>
    <xf numFmtId="0" fontId="6" fillId="0" borderId="7" xfId="0" applyFont="1" applyBorder="1" applyAlignment="1">
      <alignment vertical="top" wrapText="1"/>
    </xf>
    <xf numFmtId="0" fontId="6" fillId="0" borderId="13" xfId="0" applyFont="1" applyBorder="1" applyAlignment="1">
      <alignment vertical="top"/>
    </xf>
    <xf numFmtId="0" fontId="6" fillId="0" borderId="6" xfId="0" applyFont="1" applyBorder="1" applyAlignment="1">
      <alignment vertical="top" wrapText="1"/>
    </xf>
    <xf numFmtId="0" fontId="6" fillId="0" borderId="12" xfId="0" applyFont="1" applyBorder="1" applyAlignment="1">
      <alignment vertical="top"/>
    </xf>
    <xf numFmtId="0" fontId="5" fillId="2" borderId="9" xfId="0" applyFont="1" applyFill="1" applyBorder="1" applyAlignment="1">
      <alignment horizontal="center" vertical="center" shrinkToFit="1"/>
    </xf>
    <xf numFmtId="0" fontId="1" fillId="0" borderId="0" xfId="0" applyFont="1">
      <alignment vertical="center"/>
    </xf>
    <xf numFmtId="0" fontId="5" fillId="2" borderId="3" xfId="0" applyFont="1" applyFill="1" applyBorder="1" applyAlignment="1">
      <alignment horizontal="center" vertical="center" shrinkToFit="1"/>
    </xf>
    <xf numFmtId="0" fontId="5" fillId="2" borderId="8" xfId="0" applyFont="1" applyFill="1" applyBorder="1" applyAlignment="1">
      <alignment horizontal="center" vertical="center" shrinkToFit="1"/>
    </xf>
    <xf numFmtId="0" fontId="9" fillId="0" borderId="0" xfId="0" applyFont="1">
      <alignment vertical="center"/>
    </xf>
    <xf numFmtId="0" fontId="6" fillId="0" borderId="2" xfId="0" applyFont="1" applyBorder="1" applyAlignment="1">
      <alignment vertical="top" wrapText="1"/>
    </xf>
    <xf numFmtId="0" fontId="6" fillId="0" borderId="2" xfId="0" applyFont="1" applyBorder="1" applyAlignment="1">
      <alignment vertical="top"/>
    </xf>
    <xf numFmtId="0" fontId="8" fillId="0" borderId="9" xfId="0" applyFont="1" applyBorder="1" applyAlignment="1">
      <alignment vertical="top" wrapText="1"/>
    </xf>
    <xf numFmtId="0" fontId="6" fillId="0" borderId="8" xfId="0" applyFont="1" applyBorder="1" applyAlignment="1">
      <alignment vertical="top"/>
    </xf>
    <xf numFmtId="0" fontId="12" fillId="0" borderId="3" xfId="0" applyFont="1" applyBorder="1" applyAlignment="1">
      <alignment horizontal="center" vertical="center"/>
    </xf>
    <xf numFmtId="0" fontId="12" fillId="0" borderId="9" xfId="0" applyFont="1" applyBorder="1" applyAlignment="1">
      <alignment vertical="top" wrapText="1"/>
    </xf>
    <xf numFmtId="0" fontId="16" fillId="0" borderId="9" xfId="0" applyFont="1" applyBorder="1" applyAlignment="1">
      <alignment vertical="top" wrapText="1"/>
    </xf>
    <xf numFmtId="0" fontId="16" fillId="0" borderId="12" xfId="0" applyFont="1" applyBorder="1" applyAlignment="1">
      <alignment vertical="top" wrapText="1"/>
    </xf>
    <xf numFmtId="0" fontId="12" fillId="0" borderId="12" xfId="0" applyFont="1" applyBorder="1" applyAlignment="1">
      <alignment vertical="top" wrapText="1"/>
    </xf>
    <xf numFmtId="0" fontId="12" fillId="0" borderId="8" xfId="0" applyFont="1" applyBorder="1" applyAlignment="1">
      <alignment vertical="top" wrapText="1"/>
    </xf>
    <xf numFmtId="0" fontId="16" fillId="0" borderId="8" xfId="0" applyFont="1" applyBorder="1" applyAlignment="1">
      <alignment vertical="top" wrapText="1"/>
    </xf>
    <xf numFmtId="0" fontId="5" fillId="2" borderId="3" xfId="0" applyFont="1" applyFill="1" applyBorder="1" applyAlignment="1">
      <alignment horizontal="center" vertical="center" wrapText="1" shrinkToFit="1"/>
    </xf>
    <xf numFmtId="0" fontId="11" fillId="0" borderId="0" xfId="0" applyFont="1" applyAlignment="1">
      <alignment vertical="top" wrapText="1"/>
    </xf>
    <xf numFmtId="0" fontId="8" fillId="0" borderId="0" xfId="0" applyFont="1" applyAlignment="1">
      <alignment horizontal="center" vertical="center"/>
    </xf>
    <xf numFmtId="0" fontId="8" fillId="3" borderId="3" xfId="0" applyFont="1" applyFill="1" applyBorder="1" applyAlignment="1">
      <alignment horizontal="center" vertical="center"/>
    </xf>
    <xf numFmtId="0" fontId="8" fillId="3" borderId="3" xfId="0" applyFont="1" applyFill="1" applyBorder="1" applyAlignment="1">
      <alignment vertical="center" wrapText="1"/>
    </xf>
    <xf numFmtId="0" fontId="8" fillId="3" borderId="3" xfId="0" applyFont="1" applyFill="1" applyBorder="1">
      <alignment vertical="center"/>
    </xf>
    <xf numFmtId="0" fontId="8" fillId="3" borderId="3" xfId="0" applyFont="1" applyFill="1" applyBorder="1" applyAlignment="1">
      <alignment horizontal="center" vertical="center" wrapText="1"/>
    </xf>
    <xf numFmtId="0" fontId="6" fillId="3" borderId="3" xfId="0" applyFont="1" applyFill="1" applyBorder="1" applyAlignment="1">
      <alignment vertical="top" wrapText="1"/>
    </xf>
    <xf numFmtId="0" fontId="12" fillId="0" borderId="0" xfId="0" applyFont="1" applyAlignment="1">
      <alignment vertical="top"/>
    </xf>
    <xf numFmtId="0" fontId="18" fillId="0" borderId="9" xfId="0" applyFont="1" applyBorder="1" applyAlignment="1">
      <alignment horizontal="center" vertical="top" wrapText="1"/>
    </xf>
    <xf numFmtId="0" fontId="12" fillId="0" borderId="8" xfId="0" applyFont="1" applyBorder="1" applyAlignment="1">
      <alignment vertical="top"/>
    </xf>
    <xf numFmtId="0" fontId="12" fillId="0" borderId="9" xfId="0" applyFont="1" applyBorder="1" applyAlignment="1">
      <alignment vertical="top"/>
    </xf>
    <xf numFmtId="0" fontId="18" fillId="0" borderId="12" xfId="0" applyFont="1" applyBorder="1" applyAlignment="1">
      <alignment horizontal="center" vertical="top" wrapText="1"/>
    </xf>
    <xf numFmtId="0" fontId="11" fillId="0" borderId="9" xfId="0" applyFont="1" applyBorder="1" applyAlignment="1">
      <alignment vertical="top"/>
    </xf>
    <xf numFmtId="0" fontId="11" fillId="0" borderId="12" xfId="0" applyFont="1" applyBorder="1" applyAlignment="1">
      <alignment vertical="top"/>
    </xf>
    <xf numFmtId="0" fontId="12" fillId="0" borderId="12" xfId="0" applyFont="1" applyBorder="1" applyAlignment="1">
      <alignment vertical="top"/>
    </xf>
    <xf numFmtId="0" fontId="11" fillId="0" borderId="8" xfId="0" applyFont="1" applyBorder="1" applyAlignment="1">
      <alignment vertical="top"/>
    </xf>
    <xf numFmtId="0" fontId="19" fillId="0" borderId="0" xfId="0" applyFont="1" applyAlignment="1">
      <alignment vertical="top"/>
    </xf>
    <xf numFmtId="0" fontId="12" fillId="0" borderId="0" xfId="0" applyFont="1">
      <alignment vertical="center"/>
    </xf>
    <xf numFmtId="0" fontId="12" fillId="0" borderId="0" xfId="0" applyFont="1" applyAlignment="1">
      <alignment horizontal="center" vertical="center"/>
    </xf>
    <xf numFmtId="0" fontId="12" fillId="0" borderId="15" xfId="0" applyFont="1" applyBorder="1">
      <alignment vertical="center"/>
    </xf>
    <xf numFmtId="0" fontId="12" fillId="0" borderId="21" xfId="0" applyFont="1" applyBorder="1" applyAlignment="1">
      <alignment horizontal="center" vertical="center"/>
    </xf>
    <xf numFmtId="0" fontId="12" fillId="0" borderId="21" xfId="0" applyFont="1" applyBorder="1">
      <alignment vertical="center"/>
    </xf>
    <xf numFmtId="0" fontId="12" fillId="0" borderId="33" xfId="0" applyFont="1" applyBorder="1">
      <alignment vertical="center"/>
    </xf>
    <xf numFmtId="0" fontId="12" fillId="0" borderId="22" xfId="0" applyFont="1" applyBorder="1" applyAlignment="1">
      <alignment horizontal="center" vertical="center"/>
    </xf>
    <xf numFmtId="0" fontId="12" fillId="0" borderId="22" xfId="0" applyFont="1" applyBorder="1">
      <alignment vertical="center"/>
    </xf>
    <xf numFmtId="0" fontId="12" fillId="0" borderId="34" xfId="0" applyFont="1" applyBorder="1">
      <alignment vertical="center"/>
    </xf>
    <xf numFmtId="0" fontId="12" fillId="0" borderId="35" xfId="0" applyFont="1" applyBorder="1">
      <alignment vertical="center"/>
    </xf>
    <xf numFmtId="0" fontId="12" fillId="0" borderId="16" xfId="0" applyFont="1" applyBorder="1" applyAlignment="1">
      <alignment horizontal="center" vertical="center"/>
    </xf>
    <xf numFmtId="0" fontId="12" fillId="0" borderId="16" xfId="0" applyFont="1" applyBorder="1">
      <alignment vertical="center"/>
    </xf>
    <xf numFmtId="0" fontId="12" fillId="0" borderId="36" xfId="0" applyFont="1" applyBorder="1">
      <alignment vertical="center"/>
    </xf>
    <xf numFmtId="0" fontId="12" fillId="0" borderId="39" xfId="0" applyFont="1" applyBorder="1" applyAlignment="1">
      <alignment horizontal="center" vertical="center"/>
    </xf>
    <xf numFmtId="0" fontId="12" fillId="0" borderId="39" xfId="0" applyFont="1" applyBorder="1">
      <alignment vertical="center"/>
    </xf>
    <xf numFmtId="0" fontId="12" fillId="0" borderId="40" xfId="0" applyFont="1" applyBorder="1">
      <alignment vertical="center"/>
    </xf>
    <xf numFmtId="0" fontId="12" fillId="0" borderId="0" xfId="0" applyFont="1" applyAlignment="1">
      <alignment horizontal="center" vertical="center" wrapText="1"/>
    </xf>
    <xf numFmtId="0" fontId="12" fillId="0" borderId="1" xfId="0" applyFont="1" applyBorder="1" applyAlignment="1">
      <alignment horizontal="center" vertical="center"/>
    </xf>
    <xf numFmtId="0" fontId="12" fillId="0" borderId="13" xfId="0" applyFont="1" applyBorder="1">
      <alignment vertical="center"/>
    </xf>
    <xf numFmtId="0" fontId="12" fillId="0" borderId="13" xfId="0" applyFont="1" applyBorder="1" applyAlignment="1">
      <alignment horizontal="center" vertical="center"/>
    </xf>
    <xf numFmtId="0" fontId="12" fillId="0" borderId="2" xfId="0" applyFont="1" applyBorder="1">
      <alignment vertical="center"/>
    </xf>
    <xf numFmtId="0" fontId="12" fillId="0" borderId="17" xfId="0" applyFont="1" applyBorder="1" applyAlignment="1">
      <alignment horizontal="center" vertical="center"/>
    </xf>
    <xf numFmtId="0" fontId="12" fillId="0" borderId="18" xfId="0" applyFont="1" applyBorder="1">
      <alignment vertical="center"/>
    </xf>
    <xf numFmtId="0" fontId="12" fillId="0" borderId="6" xfId="0" applyFont="1" applyBorder="1" applyAlignment="1">
      <alignment horizontal="center" vertical="center"/>
    </xf>
    <xf numFmtId="0" fontId="12" fillId="0" borderId="14" xfId="0" applyFont="1" applyBorder="1">
      <alignment vertical="center"/>
    </xf>
    <xf numFmtId="0" fontId="12" fillId="0" borderId="14" xfId="0" applyFont="1" applyBorder="1" applyAlignment="1">
      <alignment horizontal="center" vertical="center"/>
    </xf>
    <xf numFmtId="0" fontId="12" fillId="0" borderId="7" xfId="0" applyFont="1" applyBorder="1">
      <alignment vertical="center"/>
    </xf>
    <xf numFmtId="0" fontId="21" fillId="0" borderId="3" xfId="0" applyFont="1" applyBorder="1" applyAlignment="1">
      <alignment horizontal="center" vertical="center"/>
    </xf>
    <xf numFmtId="0" fontId="21" fillId="0" borderId="3" xfId="0" applyFont="1" applyBorder="1">
      <alignment vertical="center"/>
    </xf>
    <xf numFmtId="0" fontId="21" fillId="0" borderId="8" xfId="0" applyFont="1" applyBorder="1">
      <alignment vertical="center"/>
    </xf>
    <xf numFmtId="0" fontId="21" fillId="0" borderId="12" xfId="0" applyFont="1" applyBorder="1">
      <alignment vertical="center"/>
    </xf>
    <xf numFmtId="0" fontId="21" fillId="0" borderId="3" xfId="0" applyFont="1" applyBorder="1" applyAlignment="1">
      <alignment vertical="center" wrapText="1"/>
    </xf>
    <xf numFmtId="0" fontId="6" fillId="0" borderId="9" xfId="0" applyFont="1" applyBorder="1" applyAlignment="1">
      <alignment vertical="center" wrapText="1"/>
    </xf>
    <xf numFmtId="0" fontId="12" fillId="0" borderId="9" xfId="0" applyFont="1" applyBorder="1" applyAlignment="1">
      <alignment vertical="center" wrapText="1"/>
    </xf>
    <xf numFmtId="0" fontId="22" fillId="0" borderId="9" xfId="0" applyFont="1" applyBorder="1" applyAlignment="1">
      <alignment vertical="top" wrapText="1"/>
    </xf>
    <xf numFmtId="0" fontId="5" fillId="0" borderId="9" xfId="0" applyFont="1" applyBorder="1" applyAlignment="1">
      <alignment vertical="top" wrapText="1"/>
    </xf>
    <xf numFmtId="0" fontId="5" fillId="0" borderId="8" xfId="0" applyFont="1" applyBorder="1" applyAlignment="1">
      <alignment vertical="top" wrapText="1"/>
    </xf>
    <xf numFmtId="0" fontId="23" fillId="0" borderId="12" xfId="0" applyFont="1" applyBorder="1" applyAlignment="1">
      <alignment vertical="top" wrapText="1"/>
    </xf>
    <xf numFmtId="0" fontId="23" fillId="0" borderId="9" xfId="0" applyFont="1" applyBorder="1" applyAlignment="1">
      <alignment vertical="top" wrapText="1"/>
    </xf>
    <xf numFmtId="0" fontId="23" fillId="0" borderId="9" xfId="0" applyFont="1" applyBorder="1" applyAlignment="1">
      <alignment horizontal="left" vertical="top" wrapText="1"/>
    </xf>
    <xf numFmtId="0" fontId="1" fillId="0" borderId="12" xfId="0" applyFont="1" applyBorder="1" applyAlignment="1">
      <alignment vertical="top"/>
    </xf>
    <xf numFmtId="0" fontId="12" fillId="0" borderId="9" xfId="0" applyFont="1" applyBorder="1" applyAlignment="1">
      <alignment horizontal="left" vertical="top" wrapText="1"/>
    </xf>
    <xf numFmtId="0" fontId="12" fillId="0" borderId="12" xfId="0" applyFont="1" applyBorder="1" applyAlignment="1">
      <alignment horizontal="left" vertical="top" wrapText="1"/>
    </xf>
    <xf numFmtId="0" fontId="6" fillId="0" borderId="10" xfId="0" applyFont="1" applyBorder="1" applyAlignment="1">
      <alignment horizontal="left" vertical="top" wrapText="1"/>
    </xf>
    <xf numFmtId="0" fontId="6" fillId="0" borderId="11" xfId="0" applyFont="1" applyBorder="1" applyAlignment="1">
      <alignment horizontal="left" vertical="top" wrapText="1"/>
    </xf>
    <xf numFmtId="0" fontId="6" fillId="0" borderId="6" xfId="0" applyFont="1" applyBorder="1" applyAlignment="1">
      <alignment horizontal="left" vertical="top" wrapText="1"/>
    </xf>
    <xf numFmtId="0" fontId="6" fillId="0" borderId="7" xfId="0" applyFont="1" applyBorder="1" applyAlignment="1">
      <alignment horizontal="left" vertical="top" wrapText="1"/>
    </xf>
    <xf numFmtId="0" fontId="6" fillId="0" borderId="6" xfId="0" applyFont="1" applyBorder="1" applyAlignment="1">
      <alignment vertical="top" wrapText="1"/>
    </xf>
    <xf numFmtId="0" fontId="6" fillId="0" borderId="14" xfId="0" applyFont="1" applyBorder="1" applyAlignment="1">
      <alignment vertical="top" wrapText="1"/>
    </xf>
    <xf numFmtId="0" fontId="6" fillId="0" borderId="7" xfId="0" applyFont="1" applyBorder="1" applyAlignment="1">
      <alignment vertical="top" wrapText="1"/>
    </xf>
    <xf numFmtId="0" fontId="6" fillId="0" borderId="10" xfId="0" applyFont="1" applyBorder="1" applyAlignment="1">
      <alignment vertical="top" wrapText="1"/>
    </xf>
    <xf numFmtId="0" fontId="6" fillId="0" borderId="0" xfId="0" applyFont="1" applyAlignment="1">
      <alignment vertical="top" wrapText="1"/>
    </xf>
    <xf numFmtId="0" fontId="6" fillId="0" borderId="11" xfId="0" applyFont="1" applyBorder="1" applyAlignment="1">
      <alignment vertical="top" wrapText="1"/>
    </xf>
    <xf numFmtId="0" fontId="6" fillId="0" borderId="0" xfId="0" applyFont="1" applyAlignment="1">
      <alignment horizontal="left" vertical="top" wrapText="1"/>
    </xf>
    <xf numFmtId="0" fontId="16" fillId="0" borderId="9" xfId="0" applyFont="1" applyBorder="1" applyAlignment="1">
      <alignment horizontal="left" vertical="top" wrapText="1"/>
    </xf>
    <xf numFmtId="0" fontId="6" fillId="0" borderId="9" xfId="0" applyFont="1" applyBorder="1" applyAlignment="1">
      <alignment horizontal="left" vertical="top" wrapText="1"/>
    </xf>
    <xf numFmtId="0" fontId="6" fillId="0" borderId="12" xfId="0" applyFont="1" applyBorder="1" applyAlignment="1">
      <alignment horizontal="left" vertical="top" wrapText="1"/>
    </xf>
    <xf numFmtId="0" fontId="6" fillId="0" borderId="9" xfId="0" applyFont="1" applyBorder="1" applyAlignment="1">
      <alignment vertical="top" wrapText="1"/>
    </xf>
    <xf numFmtId="0" fontId="6" fillId="0" borderId="12" xfId="0" applyFont="1" applyBorder="1" applyAlignment="1">
      <alignment vertical="top" wrapText="1"/>
    </xf>
    <xf numFmtId="0" fontId="6" fillId="0" borderId="14" xfId="0" applyFont="1" applyBorder="1" applyAlignment="1">
      <alignment horizontal="left" vertical="top" wrapText="1"/>
    </xf>
    <xf numFmtId="0" fontId="12" fillId="0" borderId="9" xfId="0" applyFont="1" applyBorder="1" applyAlignment="1">
      <alignment vertical="top" wrapText="1"/>
    </xf>
    <xf numFmtId="0" fontId="18" fillId="0" borderId="9" xfId="0" applyFont="1" applyBorder="1" applyAlignment="1">
      <alignment horizontal="center" vertical="top" wrapText="1"/>
    </xf>
    <xf numFmtId="0" fontId="6" fillId="0" borderId="1" xfId="0" applyFont="1" applyBorder="1" applyAlignment="1">
      <alignment vertical="top" wrapText="1"/>
    </xf>
    <xf numFmtId="0" fontId="6" fillId="0" borderId="13" xfId="0" applyFont="1" applyBorder="1" applyAlignment="1">
      <alignment vertical="top" wrapText="1"/>
    </xf>
    <xf numFmtId="0" fontId="6" fillId="0" borderId="2" xfId="0" applyFont="1" applyBorder="1" applyAlignment="1">
      <alignment vertical="top" wrapText="1"/>
    </xf>
    <xf numFmtId="0" fontId="6" fillId="0" borderId="3" xfId="0" applyFont="1" applyBorder="1" applyAlignment="1">
      <alignment vertical="top" wrapText="1"/>
    </xf>
    <xf numFmtId="0" fontId="17" fillId="2" borderId="3" xfId="0" applyFont="1" applyFill="1" applyBorder="1" applyAlignment="1">
      <alignment horizontal="center" vertical="center" wrapText="1"/>
    </xf>
    <xf numFmtId="0" fontId="3" fillId="2" borderId="8" xfId="0" applyFont="1" applyFill="1" applyBorder="1" applyAlignment="1">
      <alignment horizontal="center" vertical="center" wrapText="1"/>
    </xf>
    <xf numFmtId="0" fontId="3" fillId="2" borderId="12" xfId="0" applyFont="1" applyFill="1" applyBorder="1" applyAlignment="1">
      <alignment horizontal="center" vertical="center" wrapText="1"/>
    </xf>
    <xf numFmtId="0" fontId="3" fillId="2" borderId="3" xfId="0" applyFont="1" applyFill="1" applyBorder="1" applyAlignment="1">
      <alignment horizontal="center" vertical="center" wrapText="1"/>
    </xf>
    <xf numFmtId="0" fontId="17" fillId="2" borderId="8" xfId="0" applyFont="1" applyFill="1" applyBorder="1" applyAlignment="1">
      <alignment horizontal="center" vertical="center" wrapText="1"/>
    </xf>
    <xf numFmtId="0" fontId="17" fillId="2" borderId="12" xfId="0" applyFont="1" applyFill="1" applyBorder="1" applyAlignment="1">
      <alignment horizontal="center" vertical="center" wrapText="1"/>
    </xf>
    <xf numFmtId="0" fontId="5" fillId="2" borderId="3" xfId="0" applyFont="1" applyFill="1" applyBorder="1" applyAlignment="1">
      <alignment horizontal="center" vertical="center" shrinkToFit="1"/>
    </xf>
    <xf numFmtId="0" fontId="12" fillId="0" borderId="8" xfId="0" applyFont="1" applyBorder="1" applyAlignment="1">
      <alignment horizontal="left" vertical="top" wrapText="1"/>
    </xf>
    <xf numFmtId="0" fontId="5" fillId="0" borderId="10" xfId="0" applyFont="1" applyBorder="1" applyAlignment="1">
      <alignment vertical="top" wrapText="1"/>
    </xf>
    <xf numFmtId="0" fontId="5" fillId="0" borderId="0" xfId="0" applyFont="1" applyAlignment="1">
      <alignment vertical="top" wrapText="1"/>
    </xf>
    <xf numFmtId="0" fontId="5" fillId="0" borderId="11" xfId="0" applyFont="1" applyBorder="1" applyAlignment="1">
      <alignment vertical="top" wrapText="1"/>
    </xf>
    <xf numFmtId="0" fontId="5" fillId="0" borderId="6" xfId="0" applyFont="1" applyBorder="1" applyAlignment="1">
      <alignment vertical="top" wrapText="1"/>
    </xf>
    <xf numFmtId="0" fontId="5" fillId="0" borderId="14" xfId="0" applyFont="1" applyBorder="1" applyAlignment="1">
      <alignment vertical="top" wrapText="1"/>
    </xf>
    <xf numFmtId="0" fontId="5" fillId="0" borderId="7" xfId="0" applyFont="1" applyBorder="1" applyAlignment="1">
      <alignment vertical="top" wrapText="1"/>
    </xf>
    <xf numFmtId="0" fontId="16" fillId="0" borderId="1" xfId="0" applyFont="1" applyBorder="1" applyAlignment="1">
      <alignment horizontal="left" vertical="center"/>
    </xf>
    <xf numFmtId="0" fontId="16" fillId="0" borderId="2" xfId="0" applyFont="1" applyBorder="1" applyAlignment="1">
      <alignment horizontal="left" vertical="center"/>
    </xf>
    <xf numFmtId="0" fontId="16" fillId="0" borderId="6" xfId="0" applyFont="1" applyBorder="1" applyAlignment="1">
      <alignment horizontal="center" vertical="center"/>
    </xf>
    <xf numFmtId="0" fontId="16" fillId="0" borderId="7" xfId="0" applyFont="1" applyBorder="1" applyAlignment="1">
      <alignment horizontal="center" vertical="center"/>
    </xf>
    <xf numFmtId="0" fontId="11" fillId="0" borderId="0" xfId="0" applyFont="1" applyAlignment="1">
      <alignment horizontal="left" vertical="top" wrapText="1"/>
    </xf>
    <xf numFmtId="0" fontId="12" fillId="0" borderId="0" xfId="0" applyFont="1" applyAlignment="1">
      <alignment horizontal="left" vertical="top" wrapText="1"/>
    </xf>
    <xf numFmtId="0" fontId="12" fillId="0" borderId="20" xfId="0" applyFont="1" applyBorder="1" applyAlignment="1">
      <alignment horizontal="center" vertical="center"/>
    </xf>
    <xf numFmtId="0" fontId="12" fillId="0" borderId="19" xfId="0" applyFont="1" applyBorder="1" applyAlignment="1">
      <alignment horizontal="center" vertical="center"/>
    </xf>
    <xf numFmtId="0" fontId="12" fillId="0" borderId="29" xfId="0" applyFont="1" applyBorder="1" applyAlignment="1">
      <alignment horizontal="center" vertical="center"/>
    </xf>
    <xf numFmtId="0" fontId="20" fillId="0" borderId="0" xfId="0" applyFont="1" applyAlignment="1">
      <alignment horizontal="center" vertical="center"/>
    </xf>
    <xf numFmtId="0" fontId="12" fillId="0" borderId="31" xfId="0" applyFont="1" applyBorder="1" applyAlignment="1">
      <alignment horizontal="center" vertical="center" wrapText="1"/>
    </xf>
    <xf numFmtId="0" fontId="12" fillId="0" borderId="28" xfId="0" applyFont="1" applyBorder="1" applyAlignment="1">
      <alignment horizontal="center" vertical="center" wrapText="1"/>
    </xf>
    <xf numFmtId="0" fontId="12" fillId="0" borderId="37" xfId="0" applyFont="1" applyBorder="1" applyAlignment="1">
      <alignment horizontal="center" vertical="center" wrapText="1"/>
    </xf>
    <xf numFmtId="0" fontId="12" fillId="0" borderId="27" xfId="0" applyFont="1" applyBorder="1" applyAlignment="1">
      <alignment horizontal="center" vertical="center"/>
    </xf>
    <xf numFmtId="0" fontId="12" fillId="0" borderId="3" xfId="0" applyFont="1" applyBorder="1" applyAlignment="1">
      <alignment horizontal="center" vertical="center"/>
    </xf>
    <xf numFmtId="0" fontId="12" fillId="0" borderId="26" xfId="0" applyFont="1" applyBorder="1" applyAlignment="1">
      <alignment horizontal="center" vertical="center"/>
    </xf>
    <xf numFmtId="0" fontId="12" fillId="0" borderId="28" xfId="0" applyFont="1" applyBorder="1" applyAlignment="1">
      <alignment horizontal="center" vertical="center"/>
    </xf>
    <xf numFmtId="0" fontId="12" fillId="0" borderId="30" xfId="0" applyFont="1" applyBorder="1" applyAlignment="1">
      <alignment horizontal="center" vertical="center"/>
    </xf>
    <xf numFmtId="0" fontId="12" fillId="0" borderId="25" xfId="0" applyFont="1" applyBorder="1" applyAlignment="1">
      <alignment horizontal="center" vertical="center"/>
    </xf>
    <xf numFmtId="0" fontId="12" fillId="0" borderId="24" xfId="0" applyFont="1" applyBorder="1" applyAlignment="1">
      <alignment horizontal="center" vertical="center"/>
    </xf>
    <xf numFmtId="0" fontId="12" fillId="0" borderId="31" xfId="0" applyFont="1" applyBorder="1" applyAlignment="1">
      <alignment horizontal="center" vertical="center"/>
    </xf>
    <xf numFmtId="0" fontId="12" fillId="0" borderId="15" xfId="0" applyFont="1" applyBorder="1" applyAlignment="1">
      <alignment horizontal="left" vertical="center"/>
    </xf>
    <xf numFmtId="0" fontId="12" fillId="0" borderId="32" xfId="0" applyFont="1" applyBorder="1" applyAlignment="1">
      <alignment horizontal="left" vertical="center"/>
    </xf>
    <xf numFmtId="0" fontId="12" fillId="0" borderId="44" xfId="0" applyFont="1" applyBorder="1">
      <alignment vertical="center"/>
    </xf>
    <xf numFmtId="0" fontId="12" fillId="0" borderId="45" xfId="0" applyFont="1" applyBorder="1">
      <alignment vertical="center"/>
    </xf>
    <xf numFmtId="0" fontId="12" fillId="0" borderId="46" xfId="0" applyFont="1" applyBorder="1">
      <alignment vertical="center"/>
    </xf>
    <xf numFmtId="0" fontId="12" fillId="0" borderId="41" xfId="0" applyFont="1" applyBorder="1">
      <alignment vertical="center"/>
    </xf>
    <xf numFmtId="0" fontId="12" fillId="0" borderId="42" xfId="0" applyFont="1" applyBorder="1">
      <alignment vertical="center"/>
    </xf>
    <xf numFmtId="0" fontId="12" fillId="0" borderId="43" xfId="0" applyFont="1" applyBorder="1">
      <alignment vertical="center"/>
    </xf>
    <xf numFmtId="0" fontId="12" fillId="0" borderId="20" xfId="0" applyFont="1" applyBorder="1">
      <alignment vertical="center"/>
    </xf>
    <xf numFmtId="0" fontId="12" fillId="0" borderId="19" xfId="0" applyFont="1" applyBorder="1">
      <alignment vertical="center"/>
    </xf>
    <xf numFmtId="0" fontId="12" fillId="0" borderId="29" xfId="0" applyFont="1" applyBorder="1">
      <alignment vertical="center"/>
    </xf>
    <xf numFmtId="0" fontId="12" fillId="0" borderId="3" xfId="0" applyFont="1" applyBorder="1" applyAlignment="1">
      <alignment horizontal="left" vertical="center"/>
    </xf>
    <xf numFmtId="0" fontId="12" fillId="0" borderId="23" xfId="0" applyFont="1" applyBorder="1" applyAlignment="1">
      <alignment horizontal="center" vertical="center"/>
    </xf>
    <xf numFmtId="0" fontId="12" fillId="0" borderId="38" xfId="0" applyFont="1" applyBorder="1" applyAlignment="1">
      <alignment horizontal="center" vertical="center"/>
    </xf>
    <xf numFmtId="0" fontId="21" fillId="0" borderId="8" xfId="0" applyFont="1" applyBorder="1" applyAlignment="1">
      <alignment horizontal="left" vertical="center" wrapText="1"/>
    </xf>
    <xf numFmtId="0" fontId="21" fillId="0" borderId="9" xfId="0" applyFont="1" applyBorder="1" applyAlignment="1">
      <alignment horizontal="left" vertical="center"/>
    </xf>
    <xf numFmtId="0" fontId="21" fillId="0" borderId="12" xfId="0" applyFont="1" applyBorder="1" applyAlignment="1">
      <alignment horizontal="left" vertical="center"/>
    </xf>
    <xf numFmtId="0" fontId="21" fillId="0" borderId="4" xfId="0" applyFont="1" applyBorder="1" applyAlignment="1">
      <alignment horizontal="left" vertical="center"/>
    </xf>
    <xf numFmtId="0" fontId="21" fillId="0" borderId="5" xfId="0" applyFont="1" applyBorder="1" applyAlignment="1">
      <alignment horizontal="left" vertical="center"/>
    </xf>
    <xf numFmtId="0" fontId="21" fillId="0" borderId="15" xfId="0" applyFont="1" applyBorder="1" applyAlignment="1">
      <alignment horizontal="left" vertical="center"/>
    </xf>
    <xf numFmtId="0" fontId="21" fillId="0" borderId="3" xfId="0" applyFont="1" applyBorder="1" applyAlignment="1">
      <alignment horizontal="center" vertical="center" textRotation="255"/>
    </xf>
    <xf numFmtId="0" fontId="21" fillId="0" borderId="8" xfId="0" applyFont="1" applyBorder="1" applyAlignment="1">
      <alignment horizontal="left" vertical="center"/>
    </xf>
    <xf numFmtId="0" fontId="21" fillId="0" borderId="3" xfId="0" applyFont="1" applyBorder="1" applyAlignment="1">
      <alignment horizontal="center" vertical="center"/>
    </xf>
    <xf numFmtId="0" fontId="8" fillId="3" borderId="4" xfId="0" applyFont="1" applyFill="1" applyBorder="1" applyAlignment="1">
      <alignment horizontal="center" vertical="center"/>
    </xf>
    <xf numFmtId="0" fontId="8" fillId="3" borderId="5" xfId="0" applyFont="1" applyFill="1" applyBorder="1" applyAlignment="1">
      <alignment horizontal="center" vertical="center"/>
    </xf>
    <xf numFmtId="0" fontId="8" fillId="3" borderId="8" xfId="0" applyFont="1" applyFill="1" applyBorder="1" applyAlignment="1">
      <alignment horizontal="center" vertical="center" wrapText="1"/>
    </xf>
    <xf numFmtId="0" fontId="8" fillId="3" borderId="12"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3" Type="http://schemas.openxmlformats.org/officeDocument/2006/relationships/image" Target="../media/image4.emf"/><Relationship Id="rId2" Type="http://schemas.openxmlformats.org/officeDocument/2006/relationships/image" Target="../media/image3.emf"/><Relationship Id="rId1" Type="http://schemas.openxmlformats.org/officeDocument/2006/relationships/image" Target="../media/image2.emf"/><Relationship Id="rId4" Type="http://schemas.openxmlformats.org/officeDocument/2006/relationships/image" Target="../media/image5.emf"/></Relationships>
</file>

<file path=xl/drawings/_rels/vmlDrawing1.v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image" Target="../media/image7.emf"/><Relationship Id="rId1" Type="http://schemas.openxmlformats.org/officeDocument/2006/relationships/image" Target="../media/image6.emf"/><Relationship Id="rId4" Type="http://schemas.openxmlformats.org/officeDocument/2006/relationships/image" Target="../media/image9.emf"/></Relationships>
</file>

<file path=xl/drawings/drawing1.xml><?xml version="1.0" encoding="utf-8"?>
<xdr:wsDr xmlns:xdr="http://schemas.openxmlformats.org/drawingml/2006/spreadsheetDrawing" xmlns:a="http://schemas.openxmlformats.org/drawingml/2006/main">
  <xdr:twoCellAnchor editAs="oneCell">
    <xdr:from>
      <xdr:col>8</xdr:col>
      <xdr:colOff>99578</xdr:colOff>
      <xdr:row>1</xdr:row>
      <xdr:rowOff>129886</xdr:rowOff>
    </xdr:from>
    <xdr:to>
      <xdr:col>12</xdr:col>
      <xdr:colOff>1000124</xdr:colOff>
      <xdr:row>11</xdr:row>
      <xdr:rowOff>126856</xdr:rowOff>
    </xdr:to>
    <xdr:pic>
      <xdr:nvPicPr>
        <xdr:cNvPr id="2" name="図 1">
          <a:extLst>
            <a:ext uri="{FF2B5EF4-FFF2-40B4-BE49-F238E27FC236}">
              <a16:creationId xmlns:a16="http://schemas.microsoft.com/office/drawing/2014/main" id="{3A04D258-6B6D-A3BB-2A4D-4E668B714E0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498646" y="381000"/>
          <a:ext cx="5974773" cy="283282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828676</xdr:colOff>
      <xdr:row>12</xdr:row>
      <xdr:rowOff>85725</xdr:rowOff>
    </xdr:from>
    <xdr:to>
      <xdr:col>1</xdr:col>
      <xdr:colOff>4476750</xdr:colOff>
      <xdr:row>15</xdr:row>
      <xdr:rowOff>104775</xdr:rowOff>
    </xdr:to>
    <xdr:sp macro="" textlink="">
      <xdr:nvSpPr>
        <xdr:cNvPr id="2" name="テキスト ボックス 1">
          <a:extLst>
            <a:ext uri="{FF2B5EF4-FFF2-40B4-BE49-F238E27FC236}">
              <a16:creationId xmlns:a16="http://schemas.microsoft.com/office/drawing/2014/main" id="{F0828E4A-ACC2-F29A-6A41-B3D429D7CA67}"/>
            </a:ext>
          </a:extLst>
        </xdr:cNvPr>
        <xdr:cNvSpPr txBox="1"/>
      </xdr:nvSpPr>
      <xdr:spPr>
        <a:xfrm>
          <a:off x="1790701" y="2143125"/>
          <a:ext cx="3648074" cy="533400"/>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2400">
              <a:latin typeface="ＭＳ Ｐゴシック" panose="020B0600070205080204" pitchFamily="50" charset="-128"/>
              <a:ea typeface="ＭＳ Ｐゴシック" panose="020B0600070205080204" pitchFamily="50" charset="-128"/>
            </a:rPr>
            <a:t>自　  主　  点  　検　  表</a:t>
          </a:r>
          <a:endParaRPr kumimoji="1" lang="en-US" altLang="ja-JP" sz="2400">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800099</xdr:colOff>
      <xdr:row>17</xdr:row>
      <xdr:rowOff>76200</xdr:rowOff>
    </xdr:from>
    <xdr:to>
      <xdr:col>1</xdr:col>
      <xdr:colOff>4448174</xdr:colOff>
      <xdr:row>20</xdr:row>
      <xdr:rowOff>38100</xdr:rowOff>
    </xdr:to>
    <xdr:sp macro="" textlink="">
      <xdr:nvSpPr>
        <xdr:cNvPr id="3" name="テキスト ボックス 2">
          <a:extLst>
            <a:ext uri="{FF2B5EF4-FFF2-40B4-BE49-F238E27FC236}">
              <a16:creationId xmlns:a16="http://schemas.microsoft.com/office/drawing/2014/main" id="{DEE35A21-FE3D-71B4-904B-6959F6B2E06A}"/>
            </a:ext>
          </a:extLst>
        </xdr:cNvPr>
        <xdr:cNvSpPr txBox="1"/>
      </xdr:nvSpPr>
      <xdr:spPr>
        <a:xfrm>
          <a:off x="1909762" y="2828925"/>
          <a:ext cx="3648075" cy="4476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2400">
              <a:latin typeface="ＭＳ Ｐゴシック" panose="020B0600070205080204" pitchFamily="50" charset="-128"/>
              <a:ea typeface="ＭＳ Ｐゴシック" panose="020B0600070205080204" pitchFamily="50" charset="-128"/>
            </a:rPr>
            <a:t>（鹿児島市指導監査事項）</a:t>
          </a:r>
        </a:p>
        <a:p>
          <a:pPr algn="ctr"/>
          <a:endParaRPr kumimoji="1" lang="ja-JP" altLang="en-US" sz="2800">
            <a:latin typeface="ＭＳ Ｐゴシック" panose="020B0600070205080204" pitchFamily="50" charset="-128"/>
            <a:ea typeface="ＭＳ Ｐゴシック" panose="020B0600070205080204" pitchFamily="50" charset="-128"/>
          </a:endParaRPr>
        </a:p>
      </xdr:txBody>
    </xdr:sp>
    <xdr:clientData/>
  </xdr:twoCellAnchor>
  <xdr:twoCellAnchor>
    <xdr:from>
      <xdr:col>7</xdr:col>
      <xdr:colOff>690563</xdr:colOff>
      <xdr:row>97</xdr:row>
      <xdr:rowOff>1108711</xdr:rowOff>
    </xdr:from>
    <xdr:to>
      <xdr:col>9</xdr:col>
      <xdr:colOff>1128713</xdr:colOff>
      <xdr:row>98</xdr:row>
      <xdr:rowOff>1057275</xdr:rowOff>
    </xdr:to>
    <xdr:sp macro="" textlink="">
      <xdr:nvSpPr>
        <xdr:cNvPr id="4" name="Text Box 88">
          <a:extLst>
            <a:ext uri="{FF2B5EF4-FFF2-40B4-BE49-F238E27FC236}">
              <a16:creationId xmlns:a16="http://schemas.microsoft.com/office/drawing/2014/main" id="{87E8B5B1-86A5-8389-A89C-BB6823C8B0D8}"/>
            </a:ext>
          </a:extLst>
        </xdr:cNvPr>
        <xdr:cNvSpPr txBox="1">
          <a:spLocks noChangeArrowheads="1"/>
        </xdr:cNvSpPr>
      </xdr:nvSpPr>
      <xdr:spPr bwMode="auto">
        <a:xfrm>
          <a:off x="10801351" y="35736849"/>
          <a:ext cx="3581400" cy="1224914"/>
        </a:xfrm>
        <a:prstGeom prst="rect">
          <a:avLst/>
        </a:prstGeom>
        <a:solidFill>
          <a:srgbClr val="FFFFFF"/>
        </a:solidFill>
        <a:ln w="6350">
          <a:solidFill>
            <a:srgbClr val="000000"/>
          </a:solidFill>
          <a:miter lim="800000"/>
          <a:headEnd/>
          <a:tailEnd/>
        </a:ln>
      </xdr:spPr>
      <xdr:txBody>
        <a:bodyPr rot="0" vert="horz" wrap="square" lIns="36000" tIns="36000" rIns="36000" bIns="36000" anchor="ctr" anchorCtr="0" upright="1">
          <a:noAutofit/>
        </a:bodyPr>
        <a:lstStyle/>
        <a:p>
          <a:pPr marL="99060" indent="-99060" algn="just">
            <a:lnSpc>
              <a:spcPts val="900"/>
            </a:lnSpc>
            <a:buNone/>
          </a:pPr>
          <a:r>
            <a:rPr lang="ja-JP"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 租税特別措置法第</a:t>
          </a:r>
          <a:r>
            <a:rPr lang="en-US"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40</a:t>
          </a:r>
          <a:r>
            <a:rPr lang="ja-JP"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条第</a:t>
          </a:r>
          <a:r>
            <a:rPr lang="en-US"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1</a:t>
          </a:r>
          <a:r>
            <a:rPr lang="ja-JP"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項の適用を受けるための条件とされる特殊の関係にある者の範囲とは同一でない。</a:t>
          </a:r>
          <a:endPar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endParaRPr>
        </a:p>
        <a:p>
          <a:pPr marL="101600" indent="-101600" algn="just">
            <a:lnSpc>
              <a:spcPts val="900"/>
            </a:lnSpc>
          </a:pPr>
          <a:r>
            <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 法人運営の基本的事項を決定する者と業務執行を行う者を分離する観点から、評議員が業務執行に該当する業務を行うことは適当ではない。このため、例えば、法人から委託を受けて記帳代行業務や税理士業務を行う顧問弁護士、顧問税理士又は顧問会計士については、評議員に選任することは適当ではない。一方、法律面や経営面のアドバイスのみを行う契約となっている顧問弁護士、顧問税理士又は顧問会計士については、評議員に選任することは可能である。</a:t>
          </a:r>
        </a:p>
      </xdr:txBody>
    </xdr:sp>
    <xdr:clientData/>
  </xdr:twoCellAnchor>
  <xdr:twoCellAnchor>
    <xdr:from>
      <xdr:col>7</xdr:col>
      <xdr:colOff>323850</xdr:colOff>
      <xdr:row>185</xdr:row>
      <xdr:rowOff>71440</xdr:rowOff>
    </xdr:from>
    <xdr:to>
      <xdr:col>9</xdr:col>
      <xdr:colOff>1023937</xdr:colOff>
      <xdr:row>187</xdr:row>
      <xdr:rowOff>123827</xdr:rowOff>
    </xdr:to>
    <xdr:sp macro="" textlink="">
      <xdr:nvSpPr>
        <xdr:cNvPr id="1027" name="Text Box 88">
          <a:extLst>
            <a:ext uri="{FF2B5EF4-FFF2-40B4-BE49-F238E27FC236}">
              <a16:creationId xmlns:a16="http://schemas.microsoft.com/office/drawing/2014/main" id="{467EF3E3-40AD-F3C3-65C3-1ECE14034939}"/>
            </a:ext>
          </a:extLst>
        </xdr:cNvPr>
        <xdr:cNvSpPr txBox="1">
          <a:spLocks noChangeArrowheads="1"/>
        </xdr:cNvSpPr>
      </xdr:nvSpPr>
      <xdr:spPr bwMode="auto">
        <a:xfrm>
          <a:off x="10434638" y="88644415"/>
          <a:ext cx="3843337" cy="404812"/>
        </a:xfrm>
        <a:prstGeom prst="rect">
          <a:avLst/>
        </a:prstGeom>
        <a:solidFill>
          <a:srgbClr val="FFFFFF"/>
        </a:solidFill>
        <a:ln w="6350">
          <a:solidFill>
            <a:srgbClr val="000000"/>
          </a:solidFill>
          <a:miter lim="800000"/>
          <a:headEnd/>
          <a:tailEnd/>
        </a:ln>
      </xdr:spPr>
      <xdr:txBody>
        <a:bodyPr vertOverflow="clip" wrap="square" lIns="36000" tIns="36000" rIns="36000" bIns="36000" anchor="ctr" anchorCtr="0" upright="1"/>
        <a:lstStyle/>
        <a:p>
          <a:pPr algn="l" rtl="0">
            <a:defRPr sz="1000"/>
          </a:pPr>
          <a:r>
            <a:rPr lang="ja-JP" altLang="en-US" sz="900" b="1" i="0" u="none" strike="noStrike" baseline="0">
              <a:solidFill>
                <a:srgbClr val="000000"/>
              </a:solidFill>
              <a:latin typeface="ＭＳ Ｐゴシック" panose="020B0600070205080204" pitchFamily="50" charset="-128"/>
              <a:ea typeface="ＭＳ Ｐゴシック" panose="020B0600070205080204" pitchFamily="50" charset="-128"/>
            </a:rPr>
            <a:t> ※ 租税特別措置法第40条第1項の適用を受けるための条件とされる特殊の</a:t>
          </a:r>
          <a:endParaRPr lang="en-US" altLang="ja-JP" sz="900" b="1" i="0" u="none" strike="noStrike" baseline="0">
            <a:solidFill>
              <a:srgbClr val="000000"/>
            </a:solidFill>
            <a:latin typeface="ＭＳ Ｐゴシック" panose="020B0600070205080204" pitchFamily="50" charset="-128"/>
            <a:ea typeface="ＭＳ Ｐゴシック" panose="020B0600070205080204" pitchFamily="50" charset="-128"/>
          </a:endParaRPr>
        </a:p>
        <a:p>
          <a:pPr algn="l" rtl="0">
            <a:defRPr sz="1000"/>
          </a:pPr>
          <a:r>
            <a:rPr lang="ja-JP" altLang="en-US" sz="900" b="1" i="0" u="none" strike="noStrike" baseline="0">
              <a:solidFill>
                <a:srgbClr val="000000"/>
              </a:solidFill>
              <a:latin typeface="ＭＳ Ｐゴシック" panose="020B0600070205080204" pitchFamily="50" charset="-128"/>
              <a:ea typeface="ＭＳ Ｐゴシック" panose="020B0600070205080204" pitchFamily="50" charset="-128"/>
            </a:rPr>
            <a:t>　   関係にある者の範囲とは同一でない。</a:t>
          </a:r>
        </a:p>
      </xdr:txBody>
    </xdr:sp>
    <xdr:clientData/>
  </xdr:twoCellAnchor>
  <xdr:twoCellAnchor>
    <xdr:from>
      <xdr:col>7</xdr:col>
      <xdr:colOff>942974</xdr:colOff>
      <xdr:row>229</xdr:row>
      <xdr:rowOff>1004888</xdr:rowOff>
    </xdr:from>
    <xdr:to>
      <xdr:col>9</xdr:col>
      <xdr:colOff>1095375</xdr:colOff>
      <xdr:row>230</xdr:row>
      <xdr:rowOff>790574</xdr:rowOff>
    </xdr:to>
    <xdr:sp macro="" textlink="">
      <xdr:nvSpPr>
        <xdr:cNvPr id="5" name="Text Box 88">
          <a:extLst>
            <a:ext uri="{FF2B5EF4-FFF2-40B4-BE49-F238E27FC236}">
              <a16:creationId xmlns:a16="http://schemas.microsoft.com/office/drawing/2014/main" id="{642239FC-0311-67CF-1F24-85D99190A661}"/>
            </a:ext>
          </a:extLst>
        </xdr:cNvPr>
        <xdr:cNvSpPr txBox="1">
          <a:spLocks noChangeArrowheads="1"/>
        </xdr:cNvSpPr>
      </xdr:nvSpPr>
      <xdr:spPr bwMode="auto">
        <a:xfrm>
          <a:off x="11053762" y="119762588"/>
          <a:ext cx="3295651" cy="1052511"/>
        </a:xfrm>
        <a:prstGeom prst="rect">
          <a:avLst/>
        </a:prstGeom>
        <a:solidFill>
          <a:srgbClr val="FFFFFF"/>
        </a:solidFill>
        <a:ln w="6350">
          <a:solidFill>
            <a:srgbClr val="000000"/>
          </a:solidFill>
          <a:miter lim="800000"/>
          <a:headEnd/>
          <a:tailEnd/>
        </a:ln>
      </xdr:spPr>
      <xdr:txBody>
        <a:bodyPr rot="0" vert="horz" wrap="square" lIns="36000" tIns="36000" rIns="36000" bIns="36000" anchor="ctr" anchorCtr="0" upright="1">
          <a:noAutofit/>
        </a:bodyPr>
        <a:lstStyle/>
        <a:p>
          <a:pPr marL="99060" indent="-99060" algn="just">
            <a:lnSpc>
              <a:spcPts val="900"/>
            </a:lnSpc>
            <a:buNone/>
          </a:pPr>
          <a:r>
            <a:rPr lang="ja-JP"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a:t>
          </a:r>
          <a:r>
            <a:rPr lang="ja-JP" altLang="en-US"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　</a:t>
          </a:r>
          <a:r>
            <a:rPr lang="ja-JP"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租税特別措置法第</a:t>
          </a:r>
          <a:r>
            <a:rPr lang="en-US"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40</a:t>
          </a:r>
          <a:r>
            <a:rPr lang="ja-JP"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条第</a:t>
          </a:r>
          <a:r>
            <a:rPr lang="en-US"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1</a:t>
          </a:r>
          <a:r>
            <a:rPr lang="ja-JP"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項の適用を受けるための条件と</a:t>
          </a:r>
          <a:r>
            <a:rPr lang="ja-JP" altLang="en-US"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され</a:t>
          </a:r>
          <a:endParaRPr lang="en-US" altLang="ja-JP"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endParaRPr>
        </a:p>
        <a:p>
          <a:pPr marL="99060" indent="-99060" algn="just">
            <a:lnSpc>
              <a:spcPts val="900"/>
            </a:lnSpc>
            <a:buNone/>
          </a:pPr>
          <a:r>
            <a:rPr lang="ja-JP" altLang="en-US"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　る</a:t>
          </a:r>
          <a:r>
            <a:rPr lang="ja-JP" sz="900" b="1" kern="0" spc="-10">
              <a:effectLst/>
              <a:latin typeface="ＭＳ Ｐゴシック" panose="020B0600070205080204" pitchFamily="50" charset="-128"/>
              <a:ea typeface="ＭＳ Ｐゴシック" panose="020B0600070205080204" pitchFamily="50" charset="-128"/>
              <a:cs typeface="ＭＳ ゴシック" panose="020B0609070205080204" pitchFamily="49" charset="-128"/>
            </a:rPr>
            <a:t>特殊の関係にある者の範囲とは同一でない。</a:t>
          </a:r>
          <a:endPar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endParaRPr>
        </a:p>
        <a:p>
          <a:pPr marL="101600" indent="-101600" algn="just">
            <a:lnSpc>
              <a:spcPts val="900"/>
            </a:lnSpc>
          </a:pPr>
          <a:r>
            <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a:t>
          </a: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　</a:t>
          </a:r>
          <a:r>
            <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法人から委託を受けて記帳代行業務や税理士業務を行う場合</a:t>
          </a:r>
          <a:endParaRPr lang="en-US" alt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endParaRPr>
        </a:p>
        <a:p>
          <a:pPr marL="101600" indent="-101600" algn="just">
            <a:lnSpc>
              <a:spcPts val="900"/>
            </a:lnSpc>
          </a:pP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　</a:t>
          </a:r>
          <a:r>
            <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に、計算書類等を作成する立場にある者が当該計算書類</a:t>
          </a: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等</a:t>
          </a:r>
          <a:r>
            <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を</a:t>
          </a: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監</a:t>
          </a:r>
          <a:endParaRPr lang="en-US" alt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endParaRPr>
        </a:p>
        <a:p>
          <a:pPr marL="101600" indent="-101600" algn="just">
            <a:lnSpc>
              <a:spcPts val="900"/>
            </a:lnSpc>
          </a:pP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　</a:t>
          </a:r>
          <a:r>
            <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査するという自己点検に当たるため、これらの者を監事に選</a:t>
          </a: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任す</a:t>
          </a:r>
          <a:endParaRPr lang="en-US" alt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endParaRPr>
        </a:p>
        <a:p>
          <a:pPr marL="101600" indent="-101600" algn="just">
            <a:lnSpc>
              <a:spcPts val="900"/>
            </a:lnSpc>
          </a:pP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　</a:t>
          </a:r>
          <a:r>
            <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ることは適当でないが、法律面や経営面のアドバイスのみを行</a:t>
          </a: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う</a:t>
          </a:r>
          <a:endParaRPr lang="en-US" alt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endParaRPr>
        </a:p>
        <a:p>
          <a:pPr marL="101600" indent="-101600" algn="just">
            <a:lnSpc>
              <a:spcPts val="900"/>
            </a:lnSpc>
          </a:pP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　</a:t>
          </a:r>
          <a:r>
            <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契約となっている場合については、監事に選任することは可能</a:t>
          </a: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で</a:t>
          </a:r>
          <a:endParaRPr lang="en-US" alt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endParaRPr>
        </a:p>
        <a:p>
          <a:pPr marL="101600" indent="-101600" algn="just">
            <a:lnSpc>
              <a:spcPts val="900"/>
            </a:lnSpc>
          </a:pPr>
          <a:r>
            <a:rPr lang="ja-JP" altLang="en-US"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　</a:t>
          </a:r>
          <a:r>
            <a:rPr lang="ja-JP" sz="900" b="1" kern="100">
              <a:effectLst/>
              <a:latin typeface="ＭＳ Ｐゴシック" panose="020B0600070205080204" pitchFamily="50" charset="-128"/>
              <a:ea typeface="ＭＳ Ｐゴシック" panose="020B0600070205080204" pitchFamily="50" charset="-128"/>
              <a:cs typeface="Times New Roman" panose="02020603050405020304" pitchFamily="18" charset="0"/>
            </a:rPr>
            <a:t>ある。</a:t>
          </a:r>
        </a:p>
      </xdr:txBody>
    </xdr:sp>
    <xdr:clientData/>
  </xdr:twoCellAnchor>
  <xdr:twoCellAnchor>
    <xdr:from>
      <xdr:col>6</xdr:col>
      <xdr:colOff>1939290</xdr:colOff>
      <xdr:row>454</xdr:row>
      <xdr:rowOff>121920</xdr:rowOff>
    </xdr:from>
    <xdr:to>
      <xdr:col>6</xdr:col>
      <xdr:colOff>2082165</xdr:colOff>
      <xdr:row>454</xdr:row>
      <xdr:rowOff>541020</xdr:rowOff>
    </xdr:to>
    <xdr:sp macro="" textlink="">
      <xdr:nvSpPr>
        <xdr:cNvPr id="7" name="右中かっこ 6">
          <a:extLst>
            <a:ext uri="{FF2B5EF4-FFF2-40B4-BE49-F238E27FC236}">
              <a16:creationId xmlns:a16="http://schemas.microsoft.com/office/drawing/2014/main" id="{1EDA158B-2438-550D-C299-2C409D94695F}"/>
            </a:ext>
          </a:extLst>
        </xdr:cNvPr>
        <xdr:cNvSpPr/>
      </xdr:nvSpPr>
      <xdr:spPr>
        <a:xfrm>
          <a:off x="9330690" y="277954740"/>
          <a:ext cx="142875" cy="419100"/>
        </a:xfrm>
        <a:prstGeom prst="rightBrace">
          <a:avLst/>
        </a:prstGeom>
      </xdr:spPr>
      <xdr:style>
        <a:lnRef idx="2">
          <a:schemeClr val="dk1"/>
        </a:lnRef>
        <a:fillRef idx="0">
          <a:schemeClr val="dk1"/>
        </a:fillRef>
        <a:effectRef idx="1">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6</xdr:col>
      <xdr:colOff>2100261</xdr:colOff>
      <xdr:row>464</xdr:row>
      <xdr:rowOff>152400</xdr:rowOff>
    </xdr:from>
    <xdr:to>
      <xdr:col>9</xdr:col>
      <xdr:colOff>947737</xdr:colOff>
      <xdr:row>464</xdr:row>
      <xdr:rowOff>523875</xdr:rowOff>
    </xdr:to>
    <xdr:sp macro="" textlink="">
      <xdr:nvSpPr>
        <xdr:cNvPr id="8" name="テキスト ボックス 7">
          <a:extLst>
            <a:ext uri="{FF2B5EF4-FFF2-40B4-BE49-F238E27FC236}">
              <a16:creationId xmlns:a16="http://schemas.microsoft.com/office/drawing/2014/main" id="{0FB794E9-B098-B09E-51AA-87E9C41C81C0}"/>
            </a:ext>
          </a:extLst>
        </xdr:cNvPr>
        <xdr:cNvSpPr txBox="1"/>
      </xdr:nvSpPr>
      <xdr:spPr>
        <a:xfrm>
          <a:off x="9725024" y="339023325"/>
          <a:ext cx="4476751" cy="37147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900" b="1">
              <a:solidFill>
                <a:schemeClr val="dk1"/>
              </a:solidFill>
              <a:effectLst/>
              <a:latin typeface="ＭＳ Ｐゴシック" panose="020B0600070205080204" pitchFamily="50" charset="-128"/>
              <a:ea typeface="ＭＳ Ｐゴシック" panose="020B0600070205080204" pitchFamily="50" charset="-128"/>
              <a:cs typeface="+mn-cs"/>
            </a:rPr>
            <a:t>大区分のみを記載するが、必要のない勘定科目は省略可。ただし、追加・修正は不可。</a:t>
          </a:r>
        </a:p>
      </xdr:txBody>
    </xdr:sp>
    <xdr:clientData/>
  </xdr:twoCellAnchor>
  <xdr:twoCellAnchor>
    <xdr:from>
      <xdr:col>6</xdr:col>
      <xdr:colOff>2095499</xdr:colOff>
      <xdr:row>464</xdr:row>
      <xdr:rowOff>604838</xdr:rowOff>
    </xdr:from>
    <xdr:to>
      <xdr:col>9</xdr:col>
      <xdr:colOff>957262</xdr:colOff>
      <xdr:row>465</xdr:row>
      <xdr:rowOff>404813</xdr:rowOff>
    </xdr:to>
    <xdr:sp macro="" textlink="">
      <xdr:nvSpPr>
        <xdr:cNvPr id="9" name="テキスト ボックス 8">
          <a:extLst>
            <a:ext uri="{FF2B5EF4-FFF2-40B4-BE49-F238E27FC236}">
              <a16:creationId xmlns:a16="http://schemas.microsoft.com/office/drawing/2014/main" id="{CC706F70-601E-FAD8-91E7-2BCD9F719796}"/>
            </a:ext>
          </a:extLst>
        </xdr:cNvPr>
        <xdr:cNvSpPr txBox="1"/>
      </xdr:nvSpPr>
      <xdr:spPr>
        <a:xfrm>
          <a:off x="9720262" y="339475763"/>
          <a:ext cx="4491038" cy="6858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r>
            <a:rPr lang="ja-JP" altLang="ja-JP" sz="900" b="1">
              <a:solidFill>
                <a:schemeClr val="dk1"/>
              </a:solidFill>
              <a:effectLst/>
              <a:latin typeface="ＭＳ Ｐゴシック" panose="020B0600070205080204" pitchFamily="50" charset="-128"/>
              <a:ea typeface="ＭＳ Ｐゴシック" panose="020B0600070205080204" pitchFamily="50" charset="-128"/>
              <a:cs typeface="+mn-cs"/>
            </a:rPr>
            <a:t>小区分までを記載し、必要のない勘定科目の省略可。中区分についてはやむを得ない場合、小区分については適当な勘定科目を追加可。</a:t>
          </a:r>
        </a:p>
        <a:p>
          <a:r>
            <a:rPr lang="ja-JP" altLang="ja-JP" sz="900" b="1">
              <a:solidFill>
                <a:schemeClr val="dk1"/>
              </a:solidFill>
              <a:effectLst/>
              <a:latin typeface="ＭＳ Ｐゴシック" panose="020B0600070205080204" pitchFamily="50" charset="-128"/>
              <a:ea typeface="ＭＳ Ｐゴシック" panose="020B0600070205080204" pitchFamily="50" charset="-128"/>
              <a:cs typeface="+mn-cs"/>
            </a:rPr>
            <a:t>小区分を更に区分する必要がある場合には、小区分の下に適当な科目を設けることが可。</a:t>
          </a:r>
        </a:p>
      </xdr:txBody>
    </xdr:sp>
    <xdr:clientData/>
  </xdr:twoCellAnchor>
  <xdr:twoCellAnchor>
    <xdr:from>
      <xdr:col>6</xdr:col>
      <xdr:colOff>1857375</xdr:colOff>
      <xdr:row>464</xdr:row>
      <xdr:rowOff>152400</xdr:rowOff>
    </xdr:from>
    <xdr:to>
      <xdr:col>6</xdr:col>
      <xdr:colOff>2019300</xdr:colOff>
      <xdr:row>464</xdr:row>
      <xdr:rowOff>533400</xdr:rowOff>
    </xdr:to>
    <xdr:sp macro="" textlink="">
      <xdr:nvSpPr>
        <xdr:cNvPr id="10" name="右中かっこ 9">
          <a:extLst>
            <a:ext uri="{FF2B5EF4-FFF2-40B4-BE49-F238E27FC236}">
              <a16:creationId xmlns:a16="http://schemas.microsoft.com/office/drawing/2014/main" id="{D3747EEB-6612-62C2-CA62-FAF6DE6BFCB6}"/>
            </a:ext>
          </a:extLst>
        </xdr:cNvPr>
        <xdr:cNvSpPr/>
      </xdr:nvSpPr>
      <xdr:spPr>
        <a:xfrm>
          <a:off x="9382125" y="280987500"/>
          <a:ext cx="161925" cy="381000"/>
        </a:xfrm>
        <a:prstGeom prst="rightBrace">
          <a:avLst/>
        </a:prstGeom>
      </xdr:spPr>
      <xdr:style>
        <a:lnRef idx="2">
          <a:schemeClr val="dk1"/>
        </a:lnRef>
        <a:fillRef idx="0">
          <a:schemeClr val="dk1"/>
        </a:fillRef>
        <a:effectRef idx="1">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6</xdr:col>
      <xdr:colOff>2047875</xdr:colOff>
      <xdr:row>478</xdr:row>
      <xdr:rowOff>180975</xdr:rowOff>
    </xdr:from>
    <xdr:to>
      <xdr:col>6</xdr:col>
      <xdr:colOff>2209800</xdr:colOff>
      <xdr:row>478</xdr:row>
      <xdr:rowOff>685800</xdr:rowOff>
    </xdr:to>
    <xdr:sp macro="" textlink="">
      <xdr:nvSpPr>
        <xdr:cNvPr id="11" name="右中かっこ 10">
          <a:extLst>
            <a:ext uri="{FF2B5EF4-FFF2-40B4-BE49-F238E27FC236}">
              <a16:creationId xmlns:a16="http://schemas.microsoft.com/office/drawing/2014/main" id="{DF88B860-79C0-CA44-F3B6-41E3223D8C1E}"/>
            </a:ext>
          </a:extLst>
        </xdr:cNvPr>
        <xdr:cNvSpPr/>
      </xdr:nvSpPr>
      <xdr:spPr>
        <a:xfrm>
          <a:off x="9572625" y="287378775"/>
          <a:ext cx="161925" cy="504825"/>
        </a:xfrm>
        <a:prstGeom prst="rightBrace">
          <a:avLst/>
        </a:prstGeom>
      </xdr:spPr>
      <xdr:style>
        <a:lnRef idx="2">
          <a:schemeClr val="dk1"/>
        </a:lnRef>
        <a:fillRef idx="0">
          <a:schemeClr val="dk1"/>
        </a:fillRef>
        <a:effectRef idx="1">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6</xdr:col>
      <xdr:colOff>2314575</xdr:colOff>
      <xdr:row>478</xdr:row>
      <xdr:rowOff>200026</xdr:rowOff>
    </xdr:from>
    <xdr:to>
      <xdr:col>9</xdr:col>
      <xdr:colOff>133350</xdr:colOff>
      <xdr:row>478</xdr:row>
      <xdr:rowOff>676276</xdr:rowOff>
    </xdr:to>
    <xdr:sp macro="" textlink="">
      <xdr:nvSpPr>
        <xdr:cNvPr id="12" name="テキスト ボックス 11">
          <a:extLst>
            <a:ext uri="{FF2B5EF4-FFF2-40B4-BE49-F238E27FC236}">
              <a16:creationId xmlns:a16="http://schemas.microsoft.com/office/drawing/2014/main" id="{A4E2AAC8-BB55-919C-6467-A505F66685C9}"/>
            </a:ext>
          </a:extLst>
        </xdr:cNvPr>
        <xdr:cNvSpPr txBox="1"/>
      </xdr:nvSpPr>
      <xdr:spPr>
        <a:xfrm>
          <a:off x="9939338" y="348257814"/>
          <a:ext cx="3448050" cy="4762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pPr marL="0" marR="0" lvl="0" indent="0" defTabSz="914400" eaLnBrk="1" fontAlgn="auto" latinLnBrk="0" hangingPunct="1">
            <a:lnSpc>
              <a:spcPct val="100000"/>
            </a:lnSpc>
            <a:spcBef>
              <a:spcPts val="0"/>
            </a:spcBef>
            <a:spcAft>
              <a:spcPts val="0"/>
            </a:spcAft>
            <a:buClrTx/>
            <a:buSzTx/>
            <a:buFontTx/>
            <a:buNone/>
            <a:tabLst/>
            <a:defRPr/>
          </a:pPr>
          <a:r>
            <a:rPr lang="ja-JP" altLang="en-US" sz="900" b="1">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b="1">
              <a:solidFill>
                <a:schemeClr val="dk1"/>
              </a:solidFill>
              <a:effectLst/>
              <a:latin typeface="ＭＳ Ｐゴシック" panose="020B0600070205080204" pitchFamily="50" charset="-128"/>
              <a:ea typeface="ＭＳ Ｐゴシック" panose="020B0600070205080204" pitchFamily="50" charset="-128"/>
              <a:cs typeface="+mn-cs"/>
            </a:rPr>
            <a:t>中区分までを記載し、必要のない中区分の勘定科目は省略可。</a:t>
          </a:r>
          <a:endParaRPr lang="en-US" altLang="ja-JP" sz="900" b="1">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900" b="1">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b="1">
              <a:solidFill>
                <a:schemeClr val="dk1"/>
              </a:solidFill>
              <a:effectLst/>
              <a:latin typeface="ＭＳ Ｐゴシック" panose="020B0600070205080204" pitchFamily="50" charset="-128"/>
              <a:ea typeface="ＭＳ Ｐゴシック" panose="020B0600070205080204" pitchFamily="50" charset="-128"/>
              <a:cs typeface="+mn-cs"/>
            </a:rPr>
            <a:t>中区分についてやむを得ない場合、勘定項目の追加可。</a:t>
          </a:r>
        </a:p>
      </xdr:txBody>
    </xdr:sp>
    <xdr:clientData/>
  </xdr:twoCellAnchor>
  <xdr:twoCellAnchor>
    <xdr:from>
      <xdr:col>6</xdr:col>
      <xdr:colOff>2159316</xdr:colOff>
      <xdr:row>454</xdr:row>
      <xdr:rowOff>142875</xdr:rowOff>
    </xdr:from>
    <xdr:to>
      <xdr:col>9</xdr:col>
      <xdr:colOff>985837</xdr:colOff>
      <xdr:row>454</xdr:row>
      <xdr:rowOff>514351</xdr:rowOff>
    </xdr:to>
    <xdr:sp macro="" textlink="">
      <xdr:nvSpPr>
        <xdr:cNvPr id="19" name="テキスト ボックス 18">
          <a:extLst>
            <a:ext uri="{FF2B5EF4-FFF2-40B4-BE49-F238E27FC236}">
              <a16:creationId xmlns:a16="http://schemas.microsoft.com/office/drawing/2014/main" id="{0FB794E9-B098-B09E-51AA-87E9C41C81C0}"/>
            </a:ext>
          </a:extLst>
        </xdr:cNvPr>
        <xdr:cNvSpPr txBox="1"/>
      </xdr:nvSpPr>
      <xdr:spPr>
        <a:xfrm>
          <a:off x="9784079" y="330646088"/>
          <a:ext cx="4455796" cy="371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900" b="1">
              <a:solidFill>
                <a:schemeClr val="dk1"/>
              </a:solidFill>
              <a:effectLst/>
              <a:latin typeface="ＭＳ Ｐゴシック" panose="020B0600070205080204" pitchFamily="50" charset="-128"/>
              <a:ea typeface="ＭＳ Ｐゴシック" panose="020B0600070205080204" pitchFamily="50" charset="-128"/>
              <a:cs typeface="+mn-cs"/>
            </a:rPr>
            <a:t>大区分のみを記載するが、必要のない勘定科目は省略可。ただし、追加・修正は不可。</a:t>
          </a:r>
        </a:p>
      </xdr:txBody>
    </xdr:sp>
    <xdr:clientData/>
  </xdr:twoCellAnchor>
  <xdr:twoCellAnchor>
    <xdr:from>
      <xdr:col>6</xdr:col>
      <xdr:colOff>2145982</xdr:colOff>
      <xdr:row>454</xdr:row>
      <xdr:rowOff>595311</xdr:rowOff>
    </xdr:from>
    <xdr:to>
      <xdr:col>9</xdr:col>
      <xdr:colOff>985836</xdr:colOff>
      <xdr:row>455</xdr:row>
      <xdr:rowOff>647700</xdr:rowOff>
    </xdr:to>
    <xdr:sp macro="" textlink="">
      <xdr:nvSpPr>
        <xdr:cNvPr id="24" name="テキスト ボックス 23">
          <a:extLst>
            <a:ext uri="{FF2B5EF4-FFF2-40B4-BE49-F238E27FC236}">
              <a16:creationId xmlns:a16="http://schemas.microsoft.com/office/drawing/2014/main" id="{CC706F70-601E-FAD8-91E7-2BCD9F719796}"/>
            </a:ext>
          </a:extLst>
        </xdr:cNvPr>
        <xdr:cNvSpPr txBox="1"/>
      </xdr:nvSpPr>
      <xdr:spPr>
        <a:xfrm>
          <a:off x="9770745" y="331098524"/>
          <a:ext cx="4469129" cy="68580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r>
            <a:rPr lang="ja-JP" altLang="ja-JP" sz="900" b="1">
              <a:solidFill>
                <a:schemeClr val="dk1"/>
              </a:solidFill>
              <a:effectLst/>
              <a:latin typeface="ＭＳ Ｐゴシック" panose="020B0600070205080204" pitchFamily="50" charset="-128"/>
              <a:ea typeface="ＭＳ Ｐゴシック" panose="020B0600070205080204" pitchFamily="50" charset="-128"/>
              <a:cs typeface="+mn-cs"/>
            </a:rPr>
            <a:t>小区分までを記載し、必要のない勘定科目の省略可。中区分についてはやむを得ない場合、小区分については適当な勘定科目を追加可。</a:t>
          </a:r>
        </a:p>
        <a:p>
          <a:r>
            <a:rPr lang="ja-JP" altLang="ja-JP" sz="900" b="1">
              <a:solidFill>
                <a:schemeClr val="dk1"/>
              </a:solidFill>
              <a:effectLst/>
              <a:latin typeface="ＭＳ Ｐゴシック" panose="020B0600070205080204" pitchFamily="50" charset="-128"/>
              <a:ea typeface="ＭＳ Ｐゴシック" panose="020B0600070205080204" pitchFamily="50" charset="-128"/>
              <a:cs typeface="+mn-cs"/>
            </a:rPr>
            <a:t>小区分を更に区分する必要がある場合には、小区分の下に適当な科目を設けることが可。</a:t>
          </a:r>
        </a:p>
      </xdr:txBody>
    </xdr:sp>
    <xdr:clientData/>
  </xdr:twoCellAnchor>
  <xdr:twoCellAnchor>
    <xdr:from>
      <xdr:col>1</xdr:col>
      <xdr:colOff>190500</xdr:colOff>
      <xdr:row>348</xdr:row>
      <xdr:rowOff>137159</xdr:rowOff>
    </xdr:from>
    <xdr:to>
      <xdr:col>1</xdr:col>
      <xdr:colOff>5006340</xdr:colOff>
      <xdr:row>348</xdr:row>
      <xdr:rowOff>1676400</xdr:rowOff>
    </xdr:to>
    <xdr:sp macro="" textlink="">
      <xdr:nvSpPr>
        <xdr:cNvPr id="13" name="大かっこ 12">
          <a:extLst>
            <a:ext uri="{FF2B5EF4-FFF2-40B4-BE49-F238E27FC236}">
              <a16:creationId xmlns:a16="http://schemas.microsoft.com/office/drawing/2014/main" id="{00000000-0008-0000-0100-00000D000000}"/>
            </a:ext>
          </a:extLst>
        </xdr:cNvPr>
        <xdr:cNvSpPr/>
      </xdr:nvSpPr>
      <xdr:spPr>
        <a:xfrm>
          <a:off x="1152525" y="221145734"/>
          <a:ext cx="4815840" cy="1539241"/>
        </a:xfrm>
        <a:prstGeom prst="bracketPair">
          <a:avLst>
            <a:gd name="adj" fmla="val 9290"/>
          </a:avLst>
        </a:prstGeom>
        <a:ln w="12700"/>
      </xdr:spPr>
      <xdr:style>
        <a:lnRef idx="2">
          <a:schemeClr val="accent1"/>
        </a:lnRef>
        <a:fillRef idx="0">
          <a:schemeClr val="accent1"/>
        </a:fillRef>
        <a:effectRef idx="1">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6</xdr:col>
          <xdr:colOff>157933</xdr:colOff>
          <xdr:row>532</xdr:row>
          <xdr:rowOff>85725</xdr:rowOff>
        </xdr:from>
        <xdr:to>
          <xdr:col>8</xdr:col>
          <xdr:colOff>694373</xdr:colOff>
          <xdr:row>532</xdr:row>
          <xdr:rowOff>4529137</xdr:rowOff>
        </xdr:to>
        <xdr:pic>
          <xdr:nvPicPr>
            <xdr:cNvPr id="18" name="図 17">
              <a:extLst>
                <a:ext uri="{FF2B5EF4-FFF2-40B4-BE49-F238E27FC236}">
                  <a16:creationId xmlns:a16="http://schemas.microsoft.com/office/drawing/2014/main" id="{9F2BA089-D5D0-C92F-CCB0-A6DCF00C5A9A}"/>
                </a:ext>
              </a:extLst>
            </xdr:cNvPr>
            <xdr:cNvPicPr>
              <a:picLocks noChangeAspect="1" noChangeArrowheads="1"/>
              <a:extLst>
                <a:ext uri="{84589F7E-364E-4C9E-8A38-B11213B215E9}">
                  <a14:cameraTool cellRange="Sheet1!$A$1:$D$17" spid="_x0000_s2729"/>
                </a:ext>
              </a:extLst>
            </xdr:cNvPicPr>
          </xdr:nvPicPr>
          <xdr:blipFill>
            <a:blip xmlns:r="http://schemas.openxmlformats.org/officeDocument/2006/relationships" r:embed="rId1"/>
            <a:srcRect/>
            <a:stretch>
              <a:fillRect/>
            </a:stretch>
          </xdr:blipFill>
          <xdr:spPr bwMode="auto">
            <a:xfrm>
              <a:off x="7782696" y="393287250"/>
              <a:ext cx="5346565" cy="4443412"/>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06085</xdr:colOff>
          <xdr:row>536</xdr:row>
          <xdr:rowOff>45892</xdr:rowOff>
        </xdr:from>
        <xdr:to>
          <xdr:col>8</xdr:col>
          <xdr:colOff>490970</xdr:colOff>
          <xdr:row>537</xdr:row>
          <xdr:rowOff>4190551</xdr:rowOff>
        </xdr:to>
        <xdr:pic>
          <xdr:nvPicPr>
            <xdr:cNvPr id="20" name="図 19">
              <a:extLst>
                <a:ext uri="{FF2B5EF4-FFF2-40B4-BE49-F238E27FC236}">
                  <a16:creationId xmlns:a16="http://schemas.microsoft.com/office/drawing/2014/main" id="{A5AECF53-E088-1936-194B-D63F9CB23875}"/>
                </a:ext>
              </a:extLst>
            </xdr:cNvPr>
            <xdr:cNvPicPr>
              <a:picLocks noChangeAspect="1" noChangeArrowheads="1"/>
              <a:extLst>
                <a:ext uri="{84589F7E-364E-4C9E-8A38-B11213B215E9}">
                  <a14:cameraTool cellRange="Sheet1!$F$18:$H$41" spid="_x0000_s2730"/>
                </a:ext>
              </a:extLst>
            </xdr:cNvPicPr>
          </xdr:nvPicPr>
          <xdr:blipFill>
            <a:blip xmlns:r="http://schemas.openxmlformats.org/officeDocument/2006/relationships" r:embed="rId2"/>
            <a:srcRect/>
            <a:stretch>
              <a:fillRect/>
            </a:stretch>
          </xdr:blipFill>
          <xdr:spPr bwMode="auto">
            <a:xfrm>
              <a:off x="7830415" y="399996313"/>
              <a:ext cx="5093278" cy="465121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6686</xdr:colOff>
          <xdr:row>539</xdr:row>
          <xdr:rowOff>171450</xdr:rowOff>
        </xdr:from>
        <xdr:to>
          <xdr:col>8</xdr:col>
          <xdr:colOff>647700</xdr:colOff>
          <xdr:row>539</xdr:row>
          <xdr:rowOff>1781175</xdr:rowOff>
        </xdr:to>
        <xdr:pic>
          <xdr:nvPicPr>
            <xdr:cNvPr id="21" name="図 20">
              <a:extLst>
                <a:ext uri="{FF2B5EF4-FFF2-40B4-BE49-F238E27FC236}">
                  <a16:creationId xmlns:a16="http://schemas.microsoft.com/office/drawing/2014/main" id="{611131B6-DE78-A98B-13E4-5921F0BE285F}"/>
                </a:ext>
              </a:extLst>
            </xdr:cNvPr>
            <xdr:cNvPicPr>
              <a:picLocks noChangeAspect="1" noChangeArrowheads="1"/>
              <a:extLst>
                <a:ext uri="{84589F7E-364E-4C9E-8A38-B11213B215E9}">
                  <a14:cameraTool cellRange="Sheet1!$M$47:$N$49" spid="_x0000_s2731"/>
                </a:ext>
              </a:extLst>
            </xdr:cNvPicPr>
          </xdr:nvPicPr>
          <xdr:blipFill>
            <a:blip xmlns:r="http://schemas.openxmlformats.org/officeDocument/2006/relationships" r:embed="rId3"/>
            <a:srcRect/>
            <a:stretch>
              <a:fillRect/>
            </a:stretch>
          </xdr:blipFill>
          <xdr:spPr bwMode="auto">
            <a:xfrm>
              <a:off x="7791449" y="406688925"/>
              <a:ext cx="5291139" cy="16097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7</xdr:colOff>
          <xdr:row>538</xdr:row>
          <xdr:rowOff>166686</xdr:rowOff>
        </xdr:from>
        <xdr:to>
          <xdr:col>8</xdr:col>
          <xdr:colOff>661987</xdr:colOff>
          <xdr:row>538</xdr:row>
          <xdr:rowOff>1333499</xdr:rowOff>
        </xdr:to>
        <xdr:pic>
          <xdr:nvPicPr>
            <xdr:cNvPr id="22" name="図 21">
              <a:extLst>
                <a:ext uri="{FF2B5EF4-FFF2-40B4-BE49-F238E27FC236}">
                  <a16:creationId xmlns:a16="http://schemas.microsoft.com/office/drawing/2014/main" id="{A895335E-5CF1-82BD-7093-09A9BFD1A55C}"/>
                </a:ext>
              </a:extLst>
            </xdr:cNvPr>
            <xdr:cNvPicPr>
              <a:picLocks noChangeAspect="1" noChangeArrowheads="1"/>
              <a:extLst>
                <a:ext uri="{84589F7E-364E-4C9E-8A38-B11213B215E9}">
                  <a14:cameraTool cellRange="Sheet1!$J$42:$L$46" spid="_x0000_s2732"/>
                </a:ext>
              </a:extLst>
            </xdr:cNvPicPr>
          </xdr:nvPicPr>
          <xdr:blipFill>
            <a:blip xmlns:r="http://schemas.openxmlformats.org/officeDocument/2006/relationships" r:embed="rId4"/>
            <a:srcRect/>
            <a:stretch>
              <a:fillRect/>
            </a:stretch>
          </xdr:blipFill>
          <xdr:spPr bwMode="auto">
            <a:xfrm>
              <a:off x="7805740" y="405098249"/>
              <a:ext cx="5291135" cy="1166813"/>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W85"/>
  <sheetViews>
    <sheetView showGridLines="0" view="pageBreakPreview" topLeftCell="D38" zoomScale="110" zoomScaleNormal="100" zoomScaleSheetLayoutView="110" workbookViewId="0">
      <selection activeCell="I35" sqref="I35:M72"/>
    </sheetView>
  </sheetViews>
  <sheetFormatPr defaultColWidth="9" defaultRowHeight="20.100000000000001" customHeight="1"/>
  <cols>
    <col min="1" max="1" width="5.625" style="26" customWidth="1"/>
    <col min="2" max="2" width="15.625" style="26" customWidth="1"/>
    <col min="3" max="3" width="12.625" style="26" customWidth="1"/>
    <col min="4" max="4" width="5.625" style="26" customWidth="1"/>
    <col min="5" max="5" width="12.625" style="26" customWidth="1"/>
    <col min="6" max="6" width="5.625" style="26" customWidth="1"/>
    <col min="7" max="7" width="16.625" style="26" customWidth="1"/>
    <col min="8" max="8" width="9.625" style="26" customWidth="1"/>
    <col min="9" max="13" width="16.625" style="26" customWidth="1"/>
    <col min="14" max="14" width="4.6875" style="26" customWidth="1"/>
    <col min="15" max="15" width="15.6875" style="26" customWidth="1"/>
    <col min="16" max="19" width="9" style="26"/>
    <col min="20" max="20" width="4.625" style="26" customWidth="1"/>
    <col min="21" max="21" width="17.625" style="26" customWidth="1"/>
    <col min="22" max="22" width="20.625" style="26" customWidth="1"/>
    <col min="23" max="23" width="49.5625" style="26" customWidth="1"/>
    <col min="24" max="16384" width="9" style="26"/>
  </cols>
  <sheetData>
    <row r="1" spans="1:15" ht="20.100000000000001" customHeight="1">
      <c r="A1" s="139" t="s">
        <v>754</v>
      </c>
      <c r="B1" s="140"/>
      <c r="C1" s="59"/>
      <c r="D1" s="59"/>
      <c r="E1" s="59"/>
      <c r="F1" s="59"/>
      <c r="G1" s="59"/>
      <c r="H1" s="59"/>
      <c r="I1" s="143" t="s">
        <v>999</v>
      </c>
      <c r="J1" s="144"/>
      <c r="K1" s="144"/>
      <c r="L1" s="144"/>
      <c r="M1" s="144"/>
    </row>
    <row r="2" spans="1:15" ht="20.100000000000001" customHeight="1">
      <c r="A2" s="141" t="s">
        <v>755</v>
      </c>
      <c r="B2" s="142"/>
      <c r="C2" s="59"/>
      <c r="D2" s="59"/>
      <c r="E2" s="59"/>
      <c r="F2" s="59"/>
      <c r="G2" s="59"/>
      <c r="H2" s="59"/>
      <c r="I2" s="144"/>
      <c r="J2" s="144"/>
      <c r="K2" s="144"/>
      <c r="L2" s="144"/>
      <c r="M2" s="144"/>
    </row>
    <row r="3" spans="1:15" ht="20.100000000000001" customHeight="1">
      <c r="A3" s="59"/>
      <c r="B3" s="59"/>
      <c r="C3" s="59"/>
      <c r="D3" s="59"/>
      <c r="E3" s="59"/>
      <c r="F3" s="59"/>
      <c r="G3" s="59"/>
      <c r="H3" s="59"/>
      <c r="I3" s="144"/>
      <c r="J3" s="144"/>
      <c r="K3" s="144"/>
      <c r="L3" s="144"/>
      <c r="M3" s="144"/>
    </row>
    <row r="4" spans="1:15" ht="20.100000000000001" customHeight="1">
      <c r="A4" s="148" t="s">
        <v>966</v>
      </c>
      <c r="B4" s="148"/>
      <c r="C4" s="148"/>
      <c r="D4" s="148"/>
      <c r="E4" s="148"/>
      <c r="F4" s="148"/>
      <c r="G4" s="148"/>
      <c r="H4" s="148"/>
      <c r="I4" s="144"/>
      <c r="J4" s="144"/>
      <c r="K4" s="144"/>
      <c r="L4" s="144"/>
      <c r="M4" s="144"/>
      <c r="N4" s="29"/>
      <c r="O4" s="29"/>
    </row>
    <row r="5" spans="1:15" ht="20.100000000000001" customHeight="1">
      <c r="A5" s="148" t="s">
        <v>353</v>
      </c>
      <c r="B5" s="148"/>
      <c r="C5" s="148"/>
      <c r="D5" s="148"/>
      <c r="E5" s="148"/>
      <c r="F5" s="148"/>
      <c r="G5" s="148"/>
      <c r="H5" s="148"/>
      <c r="I5" s="144"/>
      <c r="J5" s="144"/>
      <c r="K5" s="144"/>
      <c r="L5" s="144"/>
      <c r="M5" s="144"/>
      <c r="N5" s="29"/>
      <c r="O5" s="29"/>
    </row>
    <row r="6" spans="1:15" ht="20.100000000000001" customHeight="1" thickBot="1">
      <c r="A6" s="59"/>
      <c r="B6" s="59"/>
      <c r="C6" s="59"/>
      <c r="D6" s="59"/>
      <c r="E6" s="59"/>
      <c r="F6" s="59"/>
      <c r="G6" s="59"/>
      <c r="H6" s="59"/>
      <c r="I6" s="144"/>
      <c r="J6" s="144"/>
      <c r="K6" s="144"/>
      <c r="L6" s="144"/>
      <c r="M6" s="144"/>
    </row>
    <row r="7" spans="1:15" ht="25.05" customHeight="1" thickTop="1" thickBot="1">
      <c r="A7" s="59"/>
      <c r="B7" s="154" t="s">
        <v>715</v>
      </c>
      <c r="C7" s="152" t="s">
        <v>719</v>
      </c>
      <c r="D7" s="162" t="s">
        <v>723</v>
      </c>
      <c r="E7" s="163"/>
      <c r="F7" s="163"/>
      <c r="G7" s="164"/>
      <c r="H7" s="59"/>
      <c r="I7" s="144"/>
      <c r="J7" s="144"/>
      <c r="K7" s="144"/>
      <c r="L7" s="144"/>
      <c r="M7" s="144"/>
    </row>
    <row r="8" spans="1:15" ht="25.05" customHeight="1" thickBot="1">
      <c r="A8" s="59"/>
      <c r="B8" s="155"/>
      <c r="C8" s="153"/>
      <c r="D8" s="165" t="s">
        <v>714</v>
      </c>
      <c r="E8" s="166"/>
      <c r="F8" s="166"/>
      <c r="G8" s="167"/>
      <c r="H8" s="59"/>
      <c r="I8" s="144"/>
      <c r="J8" s="144"/>
      <c r="K8" s="144"/>
      <c r="L8" s="144"/>
      <c r="M8" s="144"/>
    </row>
    <row r="9" spans="1:15" ht="25.05" customHeight="1" thickBot="1">
      <c r="A9" s="59"/>
      <c r="B9" s="155"/>
      <c r="C9" s="153"/>
      <c r="D9" s="168"/>
      <c r="E9" s="169"/>
      <c r="F9" s="169"/>
      <c r="G9" s="170"/>
      <c r="H9" s="59"/>
      <c r="I9" s="144"/>
      <c r="J9" s="144"/>
      <c r="K9" s="144"/>
      <c r="L9" s="144"/>
      <c r="M9" s="144"/>
    </row>
    <row r="10" spans="1:15" ht="25.05" customHeight="1" thickBot="1">
      <c r="A10" s="59"/>
      <c r="B10" s="155"/>
      <c r="C10" s="34" t="s">
        <v>718</v>
      </c>
      <c r="D10" s="145"/>
      <c r="E10" s="146"/>
      <c r="F10" s="146"/>
      <c r="G10" s="147"/>
      <c r="H10" s="60"/>
      <c r="I10" s="144"/>
      <c r="J10" s="144"/>
      <c r="K10" s="144"/>
      <c r="L10" s="144"/>
      <c r="M10" s="144"/>
    </row>
    <row r="11" spans="1:15" ht="25.05" customHeight="1" thickBot="1">
      <c r="A11" s="59"/>
      <c r="B11" s="155"/>
      <c r="C11" s="34" t="s">
        <v>354</v>
      </c>
      <c r="D11" s="145"/>
      <c r="E11" s="146"/>
      <c r="F11" s="146"/>
      <c r="G11" s="147"/>
      <c r="H11" s="60"/>
      <c r="I11" s="144"/>
      <c r="J11" s="144"/>
      <c r="K11" s="144"/>
      <c r="L11" s="144"/>
      <c r="M11" s="144"/>
    </row>
    <row r="12" spans="1:15" ht="25.05" customHeight="1" thickBot="1">
      <c r="A12" s="59"/>
      <c r="B12" s="155"/>
      <c r="C12" s="34" t="s">
        <v>355</v>
      </c>
      <c r="D12" s="145"/>
      <c r="E12" s="146"/>
      <c r="F12" s="146"/>
      <c r="G12" s="147"/>
      <c r="H12" s="60"/>
      <c r="I12" s="144"/>
      <c r="J12" s="144"/>
      <c r="K12" s="144"/>
      <c r="L12" s="144"/>
      <c r="M12" s="144"/>
    </row>
    <row r="13" spans="1:15" ht="25.05" customHeight="1">
      <c r="A13" s="59"/>
      <c r="B13" s="156"/>
      <c r="C13" s="34" t="s">
        <v>720</v>
      </c>
      <c r="D13" s="61" t="s">
        <v>713</v>
      </c>
      <c r="E13" s="145"/>
      <c r="F13" s="146"/>
      <c r="G13" s="147"/>
      <c r="H13" s="60"/>
      <c r="I13" s="144"/>
      <c r="J13" s="144"/>
      <c r="K13" s="144"/>
      <c r="L13" s="144"/>
      <c r="M13" s="144"/>
    </row>
    <row r="14" spans="1:15" ht="25.05" customHeight="1" thickBot="1">
      <c r="A14" s="59"/>
      <c r="B14" s="159" t="s">
        <v>357</v>
      </c>
      <c r="C14" s="34" t="s">
        <v>721</v>
      </c>
      <c r="D14" s="160" t="s">
        <v>717</v>
      </c>
      <c r="E14" s="160"/>
      <c r="F14" s="160"/>
      <c r="G14" s="161"/>
      <c r="H14" s="60"/>
      <c r="I14" s="144"/>
      <c r="J14" s="144"/>
      <c r="K14" s="144"/>
      <c r="L14" s="144"/>
      <c r="M14" s="144"/>
    </row>
    <row r="15" spans="1:15" ht="25.05" customHeight="1" thickBot="1">
      <c r="A15" s="59"/>
      <c r="B15" s="155"/>
      <c r="C15" s="157" t="s">
        <v>722</v>
      </c>
      <c r="D15" s="62" t="s">
        <v>358</v>
      </c>
      <c r="E15" s="63"/>
      <c r="F15" s="62" t="s">
        <v>356</v>
      </c>
      <c r="G15" s="64"/>
      <c r="H15" s="59"/>
      <c r="I15" s="144"/>
      <c r="J15" s="144"/>
      <c r="K15" s="144"/>
      <c r="L15" s="144"/>
      <c r="M15" s="144"/>
      <c r="O15" s="1"/>
    </row>
    <row r="16" spans="1:15" ht="25.05" customHeight="1">
      <c r="A16" s="59"/>
      <c r="B16" s="156"/>
      <c r="C16" s="158"/>
      <c r="D16" s="65" t="s">
        <v>358</v>
      </c>
      <c r="E16" s="66"/>
      <c r="F16" s="65" t="s">
        <v>356</v>
      </c>
      <c r="G16" s="67"/>
      <c r="H16" s="59"/>
      <c r="I16" s="144"/>
      <c r="J16" s="144"/>
      <c r="K16" s="144"/>
      <c r="L16" s="144"/>
      <c r="M16" s="144"/>
    </row>
    <row r="17" spans="1:13" ht="25.05" customHeight="1" thickBot="1">
      <c r="A17" s="59"/>
      <c r="B17" s="149" t="s">
        <v>712</v>
      </c>
      <c r="C17" s="157" t="s">
        <v>359</v>
      </c>
      <c r="D17" s="60" t="s">
        <v>358</v>
      </c>
      <c r="E17" s="59"/>
      <c r="F17" s="60" t="s">
        <v>356</v>
      </c>
      <c r="G17" s="68"/>
      <c r="H17" s="59"/>
      <c r="I17" s="144"/>
      <c r="J17" s="144"/>
      <c r="K17" s="144"/>
      <c r="L17" s="144"/>
      <c r="M17" s="144"/>
    </row>
    <row r="18" spans="1:13" ht="25.05" customHeight="1" thickBot="1">
      <c r="A18" s="59"/>
      <c r="B18" s="150"/>
      <c r="C18" s="172"/>
      <c r="D18" s="69" t="s">
        <v>358</v>
      </c>
      <c r="E18" s="70"/>
      <c r="F18" s="69" t="s">
        <v>356</v>
      </c>
      <c r="G18" s="71"/>
      <c r="H18" s="59"/>
      <c r="I18" s="144"/>
      <c r="J18" s="144"/>
      <c r="K18" s="144"/>
      <c r="L18" s="144"/>
      <c r="M18" s="144"/>
    </row>
    <row r="19" spans="1:13" ht="25.05" customHeight="1" thickBot="1">
      <c r="A19" s="59"/>
      <c r="B19" s="150"/>
      <c r="C19" s="172"/>
      <c r="D19" s="69" t="s">
        <v>358</v>
      </c>
      <c r="E19" s="70"/>
      <c r="F19" s="69" t="s">
        <v>356</v>
      </c>
      <c r="G19" s="71"/>
      <c r="H19" s="59"/>
      <c r="I19" s="144"/>
      <c r="J19" s="144"/>
      <c r="K19" s="144"/>
      <c r="L19" s="144"/>
      <c r="M19" s="144"/>
    </row>
    <row r="20" spans="1:13" ht="25.05" customHeight="1" thickBot="1">
      <c r="A20" s="59"/>
      <c r="B20" s="151"/>
      <c r="C20" s="173"/>
      <c r="D20" s="72" t="s">
        <v>358</v>
      </c>
      <c r="E20" s="73"/>
      <c r="F20" s="72" t="s">
        <v>356</v>
      </c>
      <c r="G20" s="74"/>
      <c r="H20" s="59"/>
      <c r="I20" s="144"/>
      <c r="J20" s="144"/>
      <c r="K20" s="144"/>
      <c r="L20" s="144"/>
      <c r="M20" s="144"/>
    </row>
    <row r="21" spans="1:13" ht="20.100000000000001" customHeight="1" thickTop="1">
      <c r="A21" s="59"/>
      <c r="B21" s="75"/>
      <c r="C21" s="60"/>
      <c r="D21" s="59"/>
      <c r="E21" s="59"/>
      <c r="F21" s="59"/>
      <c r="G21" s="59"/>
      <c r="H21" s="59"/>
      <c r="I21" s="144"/>
      <c r="J21" s="144"/>
      <c r="K21" s="144"/>
      <c r="L21" s="144"/>
      <c r="M21" s="144"/>
    </row>
    <row r="22" spans="1:13" ht="20.100000000000001" customHeight="1">
      <c r="A22" s="59"/>
      <c r="B22" s="75"/>
      <c r="C22" s="60"/>
      <c r="D22" s="59"/>
      <c r="E22" s="59"/>
      <c r="F22" s="59"/>
      <c r="G22" s="59"/>
      <c r="H22" s="59"/>
      <c r="I22" s="144"/>
      <c r="J22" s="144"/>
      <c r="K22" s="144"/>
      <c r="L22" s="144"/>
      <c r="M22" s="144"/>
    </row>
    <row r="23" spans="1:13" ht="20.100000000000001" customHeight="1">
      <c r="A23" s="59"/>
      <c r="B23" s="59"/>
      <c r="C23" s="59"/>
      <c r="D23" s="59"/>
      <c r="E23" s="59"/>
      <c r="F23" s="59"/>
      <c r="G23" s="59"/>
      <c r="H23" s="59"/>
      <c r="I23" s="144"/>
      <c r="J23" s="144"/>
      <c r="K23" s="144"/>
      <c r="L23" s="144"/>
      <c r="M23" s="144"/>
    </row>
    <row r="24" spans="1:13" ht="20.100000000000001" customHeight="1">
      <c r="A24" s="59"/>
      <c r="B24" s="153" t="s">
        <v>360</v>
      </c>
      <c r="C24" s="34" t="s">
        <v>361</v>
      </c>
      <c r="D24" s="171" t="s">
        <v>716</v>
      </c>
      <c r="E24" s="171"/>
      <c r="F24" s="171"/>
      <c r="G24" s="171"/>
      <c r="H24" s="60"/>
      <c r="I24" s="144"/>
      <c r="J24" s="144"/>
      <c r="K24" s="144"/>
      <c r="L24" s="144"/>
      <c r="M24" s="144"/>
    </row>
    <row r="25" spans="1:13" ht="20.100000000000001" customHeight="1">
      <c r="A25" s="59"/>
      <c r="B25" s="153"/>
      <c r="C25" s="153" t="s">
        <v>362</v>
      </c>
      <c r="D25" s="76" t="s">
        <v>358</v>
      </c>
      <c r="E25" s="77"/>
      <c r="F25" s="78" t="s">
        <v>356</v>
      </c>
      <c r="G25" s="79"/>
      <c r="H25" s="59"/>
      <c r="I25" s="144"/>
      <c r="J25" s="144"/>
      <c r="K25" s="144"/>
      <c r="L25" s="144"/>
      <c r="M25" s="144"/>
    </row>
    <row r="26" spans="1:13" ht="20.100000000000001" customHeight="1">
      <c r="A26" s="59"/>
      <c r="B26" s="153"/>
      <c r="C26" s="153"/>
      <c r="D26" s="80" t="s">
        <v>358</v>
      </c>
      <c r="E26" s="70"/>
      <c r="F26" s="69" t="s">
        <v>356</v>
      </c>
      <c r="G26" s="81"/>
      <c r="H26" s="59"/>
      <c r="I26" s="144"/>
      <c r="J26" s="144"/>
      <c r="K26" s="144"/>
      <c r="L26" s="144"/>
      <c r="M26" s="144"/>
    </row>
    <row r="27" spans="1:13" ht="20.100000000000001" customHeight="1">
      <c r="A27" s="59"/>
      <c r="B27" s="153"/>
      <c r="C27" s="153"/>
      <c r="D27" s="82" t="s">
        <v>358</v>
      </c>
      <c r="E27" s="83"/>
      <c r="F27" s="84" t="s">
        <v>356</v>
      </c>
      <c r="G27" s="85"/>
      <c r="H27" s="59"/>
      <c r="I27" s="144"/>
      <c r="J27" s="144"/>
      <c r="K27" s="144"/>
      <c r="L27" s="144"/>
      <c r="M27" s="144"/>
    </row>
    <row r="28" spans="1:13" ht="20.100000000000001" customHeight="1">
      <c r="A28" s="59"/>
      <c r="B28" s="59" t="s">
        <v>711</v>
      </c>
      <c r="C28" s="59"/>
      <c r="D28" s="59"/>
      <c r="E28" s="59"/>
      <c r="F28" s="59"/>
      <c r="G28" s="59"/>
      <c r="H28" s="59"/>
      <c r="I28" s="144"/>
      <c r="J28" s="144"/>
      <c r="K28" s="144"/>
      <c r="L28" s="144"/>
      <c r="M28" s="144"/>
    </row>
    <row r="29" spans="1:13" ht="20.100000000000001" customHeight="1">
      <c r="A29" s="59"/>
      <c r="B29" s="59"/>
      <c r="C29" s="59"/>
      <c r="D29" s="59"/>
      <c r="E29" s="59"/>
      <c r="F29" s="59"/>
      <c r="G29" s="59"/>
      <c r="H29" s="59"/>
      <c r="I29" s="144"/>
      <c r="J29" s="144"/>
      <c r="K29" s="144"/>
      <c r="L29" s="144"/>
      <c r="M29" s="144"/>
    </row>
    <row r="30" spans="1:13" ht="20.100000000000001" customHeight="1">
      <c r="A30" s="59"/>
      <c r="B30" s="59"/>
      <c r="C30" s="59"/>
      <c r="D30" s="59"/>
      <c r="E30" s="59"/>
      <c r="F30" s="59"/>
      <c r="G30" s="59"/>
      <c r="H30" s="59"/>
      <c r="I30" s="144"/>
      <c r="J30" s="144"/>
      <c r="K30" s="144"/>
      <c r="L30" s="144"/>
      <c r="M30" s="144"/>
    </row>
    <row r="31" spans="1:13" ht="20.100000000000001" customHeight="1">
      <c r="A31" s="59"/>
      <c r="B31" s="59"/>
      <c r="C31" s="59"/>
      <c r="D31" s="59"/>
      <c r="E31" s="59"/>
      <c r="F31" s="59"/>
      <c r="G31" s="59"/>
      <c r="H31" s="59"/>
      <c r="I31" s="144"/>
      <c r="J31" s="144"/>
      <c r="K31" s="144"/>
      <c r="L31" s="144"/>
      <c r="M31" s="144"/>
    </row>
    <row r="32" spans="1:13" ht="20.100000000000001" customHeight="1">
      <c r="A32" s="59"/>
      <c r="B32" s="59"/>
      <c r="C32" s="59"/>
      <c r="D32" s="59"/>
      <c r="E32" s="59"/>
      <c r="F32" s="59"/>
      <c r="G32" s="59"/>
      <c r="H32" s="59"/>
      <c r="I32" s="144"/>
      <c r="J32" s="144"/>
      <c r="K32" s="144"/>
      <c r="L32" s="144"/>
      <c r="M32" s="144"/>
    </row>
    <row r="33" spans="1:15" ht="20.100000000000001" customHeight="1">
      <c r="A33" s="59"/>
      <c r="B33" s="59"/>
      <c r="C33" s="59"/>
      <c r="D33" s="59"/>
      <c r="E33" s="59"/>
      <c r="F33" s="59"/>
      <c r="G33" s="59"/>
      <c r="H33" s="59"/>
      <c r="I33" s="144"/>
      <c r="J33" s="144"/>
      <c r="K33" s="144"/>
      <c r="L33" s="144"/>
      <c r="M33" s="144"/>
    </row>
    <row r="34" spans="1:15" ht="20.100000000000001" customHeight="1">
      <c r="A34" s="59"/>
      <c r="B34" s="59"/>
      <c r="C34" s="59"/>
      <c r="D34" s="59"/>
      <c r="E34" s="59"/>
      <c r="F34" s="59"/>
      <c r="G34" s="59"/>
      <c r="H34" s="59"/>
      <c r="I34" s="144"/>
      <c r="J34" s="144"/>
      <c r="K34" s="144"/>
      <c r="L34" s="144"/>
      <c r="M34" s="144"/>
    </row>
    <row r="35" spans="1:15" ht="20.100000000000001" customHeight="1">
      <c r="A35" s="143" t="s">
        <v>984</v>
      </c>
      <c r="B35" s="143"/>
      <c r="C35" s="143"/>
      <c r="D35" s="143"/>
      <c r="E35" s="143"/>
      <c r="F35" s="143"/>
      <c r="G35" s="143"/>
      <c r="H35" s="143"/>
      <c r="I35" s="143" t="s">
        <v>997</v>
      </c>
      <c r="J35" s="143"/>
      <c r="K35" s="143"/>
      <c r="L35" s="143"/>
      <c r="M35" s="143"/>
    </row>
    <row r="36" spans="1:15" ht="20.100000000000001" customHeight="1">
      <c r="A36" s="143"/>
      <c r="B36" s="143"/>
      <c r="C36" s="143"/>
      <c r="D36" s="143"/>
      <c r="E36" s="143"/>
      <c r="F36" s="143"/>
      <c r="G36" s="143"/>
      <c r="H36" s="143"/>
      <c r="I36" s="143"/>
      <c r="J36" s="143"/>
      <c r="K36" s="143"/>
      <c r="L36" s="143"/>
      <c r="M36" s="143"/>
    </row>
    <row r="37" spans="1:15" ht="20.100000000000001" customHeight="1">
      <c r="A37" s="143"/>
      <c r="B37" s="143"/>
      <c r="C37" s="143"/>
      <c r="D37" s="143"/>
      <c r="E37" s="143"/>
      <c r="F37" s="143"/>
      <c r="G37" s="143"/>
      <c r="H37" s="143"/>
      <c r="I37" s="143"/>
      <c r="J37" s="143"/>
      <c r="K37" s="143"/>
      <c r="L37" s="143"/>
      <c r="M37" s="143"/>
    </row>
    <row r="38" spans="1:15" ht="20.100000000000001" customHeight="1">
      <c r="A38" s="143"/>
      <c r="B38" s="143"/>
      <c r="C38" s="143"/>
      <c r="D38" s="143"/>
      <c r="E38" s="143"/>
      <c r="F38" s="143"/>
      <c r="G38" s="143"/>
      <c r="H38" s="143"/>
      <c r="I38" s="143"/>
      <c r="J38" s="143"/>
      <c r="K38" s="143"/>
      <c r="L38" s="143"/>
      <c r="M38" s="143"/>
    </row>
    <row r="39" spans="1:15" ht="20.100000000000001" customHeight="1">
      <c r="A39" s="143"/>
      <c r="B39" s="143"/>
      <c r="C39" s="143"/>
      <c r="D39" s="143"/>
      <c r="E39" s="143"/>
      <c r="F39" s="143"/>
      <c r="G39" s="143"/>
      <c r="H39" s="143"/>
      <c r="I39" s="143"/>
      <c r="J39" s="143"/>
      <c r="K39" s="143"/>
      <c r="L39" s="143"/>
      <c r="M39" s="143"/>
      <c r="N39" s="29"/>
      <c r="O39" s="29"/>
    </row>
    <row r="40" spans="1:15" ht="20.100000000000001" customHeight="1">
      <c r="A40" s="143"/>
      <c r="B40" s="143"/>
      <c r="C40" s="143"/>
      <c r="D40" s="143"/>
      <c r="E40" s="143"/>
      <c r="F40" s="143"/>
      <c r="G40" s="143"/>
      <c r="H40" s="143"/>
      <c r="I40" s="143"/>
      <c r="J40" s="143"/>
      <c r="K40" s="143"/>
      <c r="L40" s="143"/>
      <c r="M40" s="143"/>
      <c r="N40" s="29"/>
      <c r="O40" s="29"/>
    </row>
    <row r="41" spans="1:15" ht="20.100000000000001" customHeight="1">
      <c r="A41" s="143"/>
      <c r="B41" s="143"/>
      <c r="C41" s="143"/>
      <c r="D41" s="143"/>
      <c r="E41" s="143"/>
      <c r="F41" s="143"/>
      <c r="G41" s="143"/>
      <c r="H41" s="143"/>
      <c r="I41" s="143"/>
      <c r="J41" s="143"/>
      <c r="K41" s="143"/>
      <c r="L41" s="143"/>
      <c r="M41" s="143"/>
    </row>
    <row r="42" spans="1:15" ht="20.100000000000001" customHeight="1">
      <c r="A42" s="143"/>
      <c r="B42" s="143"/>
      <c r="C42" s="143"/>
      <c r="D42" s="143"/>
      <c r="E42" s="143"/>
      <c r="F42" s="143"/>
      <c r="G42" s="143"/>
      <c r="H42" s="143"/>
      <c r="I42" s="143"/>
      <c r="J42" s="143"/>
      <c r="K42" s="143"/>
      <c r="L42" s="143"/>
      <c r="M42" s="143"/>
    </row>
    <row r="43" spans="1:15" ht="20.100000000000001" customHeight="1">
      <c r="A43" s="143"/>
      <c r="B43" s="143"/>
      <c r="C43" s="143"/>
      <c r="D43" s="143"/>
      <c r="E43" s="143"/>
      <c r="F43" s="143"/>
      <c r="G43" s="143"/>
      <c r="H43" s="143"/>
      <c r="I43" s="143"/>
      <c r="J43" s="143"/>
      <c r="K43" s="143"/>
      <c r="L43" s="143"/>
      <c r="M43" s="143"/>
    </row>
    <row r="44" spans="1:15" ht="20.100000000000001" customHeight="1">
      <c r="A44" s="143"/>
      <c r="B44" s="143"/>
      <c r="C44" s="143"/>
      <c r="D44" s="143"/>
      <c r="E44" s="143"/>
      <c r="F44" s="143"/>
      <c r="G44" s="143"/>
      <c r="H44" s="143"/>
      <c r="I44" s="143"/>
      <c r="J44" s="143"/>
      <c r="K44" s="143"/>
      <c r="L44" s="143"/>
      <c r="M44" s="143"/>
    </row>
    <row r="45" spans="1:15" ht="20.100000000000001" customHeight="1">
      <c r="A45" s="143"/>
      <c r="B45" s="143"/>
      <c r="C45" s="143"/>
      <c r="D45" s="143"/>
      <c r="E45" s="143"/>
      <c r="F45" s="143"/>
      <c r="G45" s="143"/>
      <c r="H45" s="143"/>
      <c r="I45" s="143"/>
      <c r="J45" s="143"/>
      <c r="K45" s="143"/>
      <c r="L45" s="143"/>
      <c r="M45" s="143"/>
    </row>
    <row r="46" spans="1:15" ht="20.100000000000001" customHeight="1">
      <c r="A46" s="143"/>
      <c r="B46" s="143"/>
      <c r="C46" s="143"/>
      <c r="D46" s="143"/>
      <c r="E46" s="143"/>
      <c r="F46" s="143"/>
      <c r="G46" s="143"/>
      <c r="H46" s="143"/>
      <c r="I46" s="143"/>
      <c r="J46" s="143"/>
      <c r="K46" s="143"/>
      <c r="L46" s="143"/>
      <c r="M46" s="143"/>
    </row>
    <row r="47" spans="1:15" ht="20.100000000000001" customHeight="1">
      <c r="A47" s="143"/>
      <c r="B47" s="143"/>
      <c r="C47" s="143"/>
      <c r="D47" s="143"/>
      <c r="E47" s="143"/>
      <c r="F47" s="143"/>
      <c r="G47" s="143"/>
      <c r="H47" s="143"/>
      <c r="I47" s="143"/>
      <c r="J47" s="143"/>
      <c r="K47" s="143"/>
      <c r="L47" s="143"/>
      <c r="M47" s="143"/>
    </row>
    <row r="48" spans="1:15" ht="20.100000000000001" customHeight="1">
      <c r="A48" s="143"/>
      <c r="B48" s="143"/>
      <c r="C48" s="143"/>
      <c r="D48" s="143"/>
      <c r="E48" s="143"/>
      <c r="F48" s="143"/>
      <c r="G48" s="143"/>
      <c r="H48" s="143"/>
      <c r="I48" s="143"/>
      <c r="J48" s="143"/>
      <c r="K48" s="143"/>
      <c r="L48" s="143"/>
      <c r="M48" s="143"/>
    </row>
    <row r="49" spans="1:13" ht="20.100000000000001" customHeight="1">
      <c r="A49" s="143"/>
      <c r="B49" s="143"/>
      <c r="C49" s="143"/>
      <c r="D49" s="143"/>
      <c r="E49" s="143"/>
      <c r="F49" s="143"/>
      <c r="G49" s="143"/>
      <c r="H49" s="143"/>
      <c r="I49" s="143"/>
      <c r="J49" s="143"/>
      <c r="K49" s="143"/>
      <c r="L49" s="143"/>
      <c r="M49" s="143"/>
    </row>
    <row r="50" spans="1:13" ht="20.100000000000001" customHeight="1">
      <c r="A50" s="143"/>
      <c r="B50" s="143"/>
      <c r="C50" s="143"/>
      <c r="D50" s="143"/>
      <c r="E50" s="143"/>
      <c r="F50" s="143"/>
      <c r="G50" s="143"/>
      <c r="H50" s="143"/>
      <c r="I50" s="143"/>
      <c r="J50" s="143"/>
      <c r="K50" s="143"/>
      <c r="L50" s="143"/>
      <c r="M50" s="143"/>
    </row>
    <row r="51" spans="1:13" ht="20.100000000000001" customHeight="1">
      <c r="A51" s="143"/>
      <c r="B51" s="143"/>
      <c r="C51" s="143"/>
      <c r="D51" s="143"/>
      <c r="E51" s="143"/>
      <c r="F51" s="143"/>
      <c r="G51" s="143"/>
      <c r="H51" s="143"/>
      <c r="I51" s="143"/>
      <c r="J51" s="143"/>
      <c r="K51" s="143"/>
      <c r="L51" s="143"/>
      <c r="M51" s="143"/>
    </row>
    <row r="52" spans="1:13" ht="20.100000000000001" customHeight="1">
      <c r="A52" s="143"/>
      <c r="B52" s="143"/>
      <c r="C52" s="143"/>
      <c r="D52" s="143"/>
      <c r="E52" s="143"/>
      <c r="F52" s="143"/>
      <c r="G52" s="143"/>
      <c r="H52" s="143"/>
      <c r="I52" s="143"/>
      <c r="J52" s="143"/>
      <c r="K52" s="143"/>
      <c r="L52" s="143"/>
      <c r="M52" s="143"/>
    </row>
    <row r="53" spans="1:13" ht="20.100000000000001" customHeight="1">
      <c r="A53" s="143"/>
      <c r="B53" s="143"/>
      <c r="C53" s="143"/>
      <c r="D53" s="143"/>
      <c r="E53" s="143"/>
      <c r="F53" s="143"/>
      <c r="G53" s="143"/>
      <c r="H53" s="143"/>
      <c r="I53" s="143"/>
      <c r="J53" s="143"/>
      <c r="K53" s="143"/>
      <c r="L53" s="143"/>
      <c r="M53" s="143"/>
    </row>
    <row r="54" spans="1:13" ht="20.100000000000001" customHeight="1">
      <c r="A54" s="143"/>
      <c r="B54" s="143"/>
      <c r="C54" s="143"/>
      <c r="D54" s="143"/>
      <c r="E54" s="143"/>
      <c r="F54" s="143"/>
      <c r="G54" s="143"/>
      <c r="H54" s="143"/>
      <c r="I54" s="143"/>
      <c r="J54" s="143"/>
      <c r="K54" s="143"/>
      <c r="L54" s="143"/>
      <c r="M54" s="143"/>
    </row>
    <row r="55" spans="1:13" ht="20.100000000000001" customHeight="1">
      <c r="A55" s="143"/>
      <c r="B55" s="143"/>
      <c r="C55" s="143"/>
      <c r="D55" s="143"/>
      <c r="E55" s="143"/>
      <c r="F55" s="143"/>
      <c r="G55" s="143"/>
      <c r="H55" s="143"/>
      <c r="I55" s="143"/>
      <c r="J55" s="143"/>
      <c r="K55" s="143"/>
      <c r="L55" s="143"/>
      <c r="M55" s="143"/>
    </row>
    <row r="56" spans="1:13" ht="20.100000000000001" customHeight="1">
      <c r="A56" s="143"/>
      <c r="B56" s="143"/>
      <c r="C56" s="143"/>
      <c r="D56" s="143"/>
      <c r="E56" s="143"/>
      <c r="F56" s="143"/>
      <c r="G56" s="143"/>
      <c r="H56" s="143"/>
      <c r="I56" s="143"/>
      <c r="J56" s="143"/>
      <c r="K56" s="143"/>
      <c r="L56" s="143"/>
      <c r="M56" s="143"/>
    </row>
    <row r="57" spans="1:13" ht="20.100000000000001" customHeight="1">
      <c r="A57" s="143"/>
      <c r="B57" s="143"/>
      <c r="C57" s="143"/>
      <c r="D57" s="143"/>
      <c r="E57" s="143"/>
      <c r="F57" s="143"/>
      <c r="G57" s="143"/>
      <c r="H57" s="143"/>
      <c r="I57" s="143"/>
      <c r="J57" s="143"/>
      <c r="K57" s="143"/>
      <c r="L57" s="143"/>
      <c r="M57" s="143"/>
    </row>
    <row r="58" spans="1:13" ht="20.100000000000001" customHeight="1">
      <c r="A58" s="143"/>
      <c r="B58" s="143"/>
      <c r="C58" s="143"/>
      <c r="D58" s="143"/>
      <c r="E58" s="143"/>
      <c r="F58" s="143"/>
      <c r="G58" s="143"/>
      <c r="H58" s="143"/>
      <c r="I58" s="143"/>
      <c r="J58" s="143"/>
      <c r="K58" s="143"/>
      <c r="L58" s="143"/>
      <c r="M58" s="143"/>
    </row>
    <row r="59" spans="1:13" ht="20.100000000000001" customHeight="1">
      <c r="A59" s="143"/>
      <c r="B59" s="143"/>
      <c r="C59" s="143"/>
      <c r="D59" s="143"/>
      <c r="E59" s="143"/>
      <c r="F59" s="143"/>
      <c r="G59" s="143"/>
      <c r="H59" s="143"/>
      <c r="I59" s="143"/>
      <c r="J59" s="143"/>
      <c r="K59" s="143"/>
      <c r="L59" s="143"/>
      <c r="M59" s="143"/>
    </row>
    <row r="60" spans="1:13" ht="20.100000000000001" customHeight="1">
      <c r="A60" s="143"/>
      <c r="B60" s="143"/>
      <c r="C60" s="143"/>
      <c r="D60" s="143"/>
      <c r="E60" s="143"/>
      <c r="F60" s="143"/>
      <c r="G60" s="143"/>
      <c r="H60" s="143"/>
      <c r="I60" s="143"/>
      <c r="J60" s="143"/>
      <c r="K60" s="143"/>
      <c r="L60" s="143"/>
      <c r="M60" s="143"/>
    </row>
    <row r="61" spans="1:13" ht="20.100000000000001" customHeight="1">
      <c r="A61" s="143"/>
      <c r="B61" s="143"/>
      <c r="C61" s="143"/>
      <c r="D61" s="143"/>
      <c r="E61" s="143"/>
      <c r="F61" s="143"/>
      <c r="G61" s="143"/>
      <c r="H61" s="143"/>
      <c r="I61" s="143"/>
      <c r="J61" s="143"/>
      <c r="K61" s="143"/>
      <c r="L61" s="143"/>
      <c r="M61" s="143"/>
    </row>
    <row r="62" spans="1:13" ht="20.100000000000001" customHeight="1">
      <c r="A62" s="143"/>
      <c r="B62" s="143"/>
      <c r="C62" s="143"/>
      <c r="D62" s="143"/>
      <c r="E62" s="143"/>
      <c r="F62" s="143"/>
      <c r="G62" s="143"/>
      <c r="H62" s="143"/>
      <c r="I62" s="143"/>
      <c r="J62" s="143"/>
      <c r="K62" s="143"/>
      <c r="L62" s="143"/>
      <c r="M62" s="143"/>
    </row>
    <row r="63" spans="1:13" ht="20.100000000000001" customHeight="1">
      <c r="A63" s="143"/>
      <c r="B63" s="143"/>
      <c r="C63" s="143"/>
      <c r="D63" s="143"/>
      <c r="E63" s="143"/>
      <c r="F63" s="143"/>
      <c r="G63" s="143"/>
      <c r="H63" s="143"/>
      <c r="I63" s="143"/>
      <c r="J63" s="143"/>
      <c r="K63" s="143"/>
      <c r="L63" s="143"/>
      <c r="M63" s="143"/>
    </row>
    <row r="64" spans="1:13" ht="20.100000000000001" customHeight="1">
      <c r="A64" s="143"/>
      <c r="B64" s="143"/>
      <c r="C64" s="143"/>
      <c r="D64" s="143"/>
      <c r="E64" s="143"/>
      <c r="F64" s="143"/>
      <c r="G64" s="143"/>
      <c r="H64" s="143"/>
      <c r="I64" s="143"/>
      <c r="J64" s="143"/>
      <c r="K64" s="143"/>
      <c r="L64" s="143"/>
      <c r="M64" s="143"/>
    </row>
    <row r="65" spans="1:23" ht="20.100000000000001" customHeight="1">
      <c r="A65" s="143"/>
      <c r="B65" s="143"/>
      <c r="C65" s="143"/>
      <c r="D65" s="143"/>
      <c r="E65" s="143"/>
      <c r="F65" s="143"/>
      <c r="G65" s="143"/>
      <c r="H65" s="143"/>
      <c r="I65" s="143"/>
      <c r="J65" s="143"/>
      <c r="K65" s="143"/>
      <c r="L65" s="143"/>
      <c r="M65" s="143"/>
    </row>
    <row r="66" spans="1:23" ht="20.100000000000001" customHeight="1">
      <c r="A66" s="143"/>
      <c r="B66" s="143"/>
      <c r="C66" s="143"/>
      <c r="D66" s="143"/>
      <c r="E66" s="143"/>
      <c r="F66" s="143"/>
      <c r="G66" s="143"/>
      <c r="H66" s="143"/>
      <c r="I66" s="143"/>
      <c r="J66" s="143"/>
      <c r="K66" s="143"/>
      <c r="L66" s="143"/>
      <c r="M66" s="143"/>
    </row>
    <row r="67" spans="1:23" ht="20.100000000000001" customHeight="1">
      <c r="A67" s="143"/>
      <c r="B67" s="143"/>
      <c r="C67" s="143"/>
      <c r="D67" s="143"/>
      <c r="E67" s="143"/>
      <c r="F67" s="143"/>
      <c r="G67" s="143"/>
      <c r="H67" s="143"/>
      <c r="I67" s="143"/>
      <c r="J67" s="143"/>
      <c r="K67" s="143"/>
      <c r="L67" s="143"/>
      <c r="M67" s="143"/>
    </row>
    <row r="68" spans="1:23" ht="20.100000000000001" customHeight="1">
      <c r="A68" s="143"/>
      <c r="B68" s="143"/>
      <c r="C68" s="143"/>
      <c r="D68" s="143"/>
      <c r="E68" s="143"/>
      <c r="F68" s="143"/>
      <c r="G68" s="143"/>
      <c r="H68" s="143"/>
      <c r="I68" s="143"/>
      <c r="J68" s="143"/>
      <c r="K68" s="143"/>
      <c r="L68" s="143"/>
      <c r="M68" s="143"/>
    </row>
    <row r="69" spans="1:23" ht="20.100000000000001" customHeight="1">
      <c r="A69" s="143"/>
      <c r="B69" s="143"/>
      <c r="C69" s="143"/>
      <c r="D69" s="143"/>
      <c r="E69" s="143"/>
      <c r="F69" s="143"/>
      <c r="G69" s="143"/>
      <c r="H69" s="143"/>
      <c r="I69" s="143"/>
      <c r="J69" s="143"/>
      <c r="K69" s="143"/>
      <c r="L69" s="143"/>
      <c r="M69" s="143"/>
    </row>
    <row r="70" spans="1:23" ht="20.100000000000001" customHeight="1">
      <c r="A70" s="143"/>
      <c r="B70" s="143"/>
      <c r="C70" s="143"/>
      <c r="D70" s="143"/>
      <c r="E70" s="143"/>
      <c r="F70" s="143"/>
      <c r="G70" s="143"/>
      <c r="H70" s="143"/>
      <c r="I70" s="143"/>
      <c r="J70" s="143"/>
      <c r="K70" s="143"/>
      <c r="L70" s="143"/>
      <c r="M70" s="143"/>
    </row>
    <row r="71" spans="1:23" ht="20.100000000000001" customHeight="1">
      <c r="A71" s="143"/>
      <c r="B71" s="143"/>
      <c r="C71" s="143"/>
      <c r="D71" s="143"/>
      <c r="E71" s="143"/>
      <c r="F71" s="143"/>
      <c r="G71" s="143"/>
      <c r="H71" s="143"/>
      <c r="I71" s="143"/>
      <c r="J71" s="143"/>
      <c r="K71" s="143"/>
      <c r="L71" s="143"/>
      <c r="M71" s="143"/>
    </row>
    <row r="72" spans="1:23" ht="20.100000000000001" customHeight="1">
      <c r="A72" s="143"/>
      <c r="B72" s="143"/>
      <c r="C72" s="143"/>
      <c r="D72" s="143"/>
      <c r="E72" s="143"/>
      <c r="F72" s="143"/>
      <c r="G72" s="143"/>
      <c r="H72" s="143"/>
      <c r="I72" s="143"/>
      <c r="J72" s="143"/>
      <c r="K72" s="143"/>
      <c r="L72" s="143"/>
      <c r="M72" s="143"/>
    </row>
    <row r="73" spans="1:23" ht="20.100000000000001" customHeight="1">
      <c r="A73" s="42"/>
      <c r="B73" s="42"/>
      <c r="C73" s="42"/>
      <c r="D73" s="42"/>
      <c r="E73" s="42"/>
      <c r="F73" s="42"/>
      <c r="G73" s="42"/>
      <c r="H73" s="42"/>
      <c r="I73" s="1"/>
      <c r="J73" s="1"/>
      <c r="K73" s="1"/>
      <c r="L73" s="1"/>
      <c r="M73" s="1"/>
    </row>
    <row r="74" spans="1:23" ht="20.100000000000001" customHeight="1">
      <c r="A74" s="42"/>
      <c r="B74" s="42"/>
      <c r="C74" s="42"/>
      <c r="D74" s="42"/>
      <c r="E74" s="42"/>
      <c r="F74" s="42"/>
      <c r="G74" s="42"/>
      <c r="H74" s="42"/>
      <c r="I74" s="1"/>
      <c r="J74" s="1"/>
      <c r="K74" s="1"/>
      <c r="L74" s="1"/>
      <c r="M74" s="1"/>
      <c r="T74" s="182" t="s">
        <v>372</v>
      </c>
      <c r="U74" s="182"/>
      <c r="V74" s="182"/>
      <c r="W74" s="86" t="s">
        <v>371</v>
      </c>
    </row>
    <row r="75" spans="1:23" ht="20.100000000000001" customHeight="1">
      <c r="A75" s="26" t="s">
        <v>421</v>
      </c>
      <c r="T75" s="177" t="s">
        <v>373</v>
      </c>
      <c r="U75" s="179"/>
      <c r="V75" s="178"/>
      <c r="W75" s="87" t="s">
        <v>387</v>
      </c>
    </row>
    <row r="76" spans="1:23" ht="20.100000000000001" customHeight="1">
      <c r="T76" s="180" t="s">
        <v>370</v>
      </c>
      <c r="U76" s="181" t="s">
        <v>379</v>
      </c>
      <c r="V76" s="87" t="s">
        <v>380</v>
      </c>
      <c r="W76" s="174" t="s">
        <v>388</v>
      </c>
    </row>
    <row r="77" spans="1:23" ht="20.100000000000001" customHeight="1">
      <c r="T77" s="180"/>
      <c r="U77" s="175"/>
      <c r="V77" s="87" t="s">
        <v>381</v>
      </c>
      <c r="W77" s="175"/>
    </row>
    <row r="78" spans="1:23" ht="20.100000000000001" customHeight="1">
      <c r="T78" s="180"/>
      <c r="U78" s="176"/>
      <c r="V78" s="87" t="s">
        <v>382</v>
      </c>
      <c r="W78" s="176"/>
    </row>
    <row r="79" spans="1:23" ht="20.100000000000001" customHeight="1">
      <c r="T79" s="180"/>
      <c r="U79" s="87" t="s">
        <v>378</v>
      </c>
      <c r="V79" s="87" t="s">
        <v>383</v>
      </c>
      <c r="W79" s="87" t="s">
        <v>389</v>
      </c>
    </row>
    <row r="80" spans="1:23" ht="20.100000000000001" customHeight="1">
      <c r="T80" s="180"/>
      <c r="U80" s="177" t="s">
        <v>377</v>
      </c>
      <c r="V80" s="178"/>
      <c r="W80" s="87" t="s">
        <v>390</v>
      </c>
    </row>
    <row r="81" spans="20:23" ht="20.100000000000001" customHeight="1">
      <c r="T81" s="180"/>
      <c r="U81" s="181" t="s">
        <v>376</v>
      </c>
      <c r="V81" s="87" t="s">
        <v>384</v>
      </c>
      <c r="W81" s="88" t="s">
        <v>391</v>
      </c>
    </row>
    <row r="82" spans="20:23" ht="20.100000000000001" customHeight="1">
      <c r="T82" s="180"/>
      <c r="U82" s="175"/>
      <c r="V82" s="87" t="s">
        <v>385</v>
      </c>
      <c r="W82" s="89" t="s">
        <v>390</v>
      </c>
    </row>
    <row r="83" spans="20:23" ht="20.100000000000001" customHeight="1">
      <c r="T83" s="180"/>
      <c r="U83" s="176"/>
      <c r="V83" s="87" t="s">
        <v>386</v>
      </c>
      <c r="W83" s="87" t="s">
        <v>390</v>
      </c>
    </row>
    <row r="84" spans="20:23" ht="20.100000000000001" customHeight="1">
      <c r="T84" s="180"/>
      <c r="U84" s="177" t="s">
        <v>375</v>
      </c>
      <c r="V84" s="178"/>
      <c r="W84" s="87" t="s">
        <v>390</v>
      </c>
    </row>
    <row r="85" spans="20:23" ht="40.049999999999997" customHeight="1">
      <c r="T85" s="177" t="s">
        <v>374</v>
      </c>
      <c r="U85" s="179"/>
      <c r="V85" s="178"/>
      <c r="W85" s="90" t="s">
        <v>724</v>
      </c>
    </row>
  </sheetData>
  <mergeCells count="33">
    <mergeCell ref="T74:V74"/>
    <mergeCell ref="U80:V80"/>
    <mergeCell ref="B24:B27"/>
    <mergeCell ref="T85:V85"/>
    <mergeCell ref="A35:H72"/>
    <mergeCell ref="W76:W78"/>
    <mergeCell ref="U84:V84"/>
    <mergeCell ref="T75:V75"/>
    <mergeCell ref="T76:T84"/>
    <mergeCell ref="U81:U83"/>
    <mergeCell ref="U76:U78"/>
    <mergeCell ref="D7:G7"/>
    <mergeCell ref="D8:G8"/>
    <mergeCell ref="D9:G9"/>
    <mergeCell ref="D24:G24"/>
    <mergeCell ref="C25:C27"/>
    <mergeCell ref="C17:C20"/>
    <mergeCell ref="A1:B1"/>
    <mergeCell ref="A2:B2"/>
    <mergeCell ref="I1:M34"/>
    <mergeCell ref="I35:M72"/>
    <mergeCell ref="D11:G11"/>
    <mergeCell ref="D12:G12"/>
    <mergeCell ref="A4:H4"/>
    <mergeCell ref="A5:H5"/>
    <mergeCell ref="B17:B20"/>
    <mergeCell ref="D10:G10"/>
    <mergeCell ref="C7:C9"/>
    <mergeCell ref="B7:B13"/>
    <mergeCell ref="C15:C16"/>
    <mergeCell ref="B14:B16"/>
    <mergeCell ref="E13:G13"/>
    <mergeCell ref="D14:G14"/>
  </mergeCells>
  <phoneticPr fontId="2"/>
  <printOptions horizontalCentered="1"/>
  <pageMargins left="0.59055118110236227" right="0.39370078740157483" top="0.59055118110236227" bottom="0" header="0.19685039370078741" footer="0.19685039370078741"/>
  <pageSetup paperSize="9" scale="98" fitToWidth="0" pageOrder="overThenDown" orientation="portrait" r:id="rId1"/>
  <rowBreaks count="1" manualBreakCount="1">
    <brk id="34" max="12" man="1"/>
  </rowBreaks>
  <colBreaks count="1" manualBreakCount="1">
    <brk id="8" max="71" man="1"/>
  </colBreaks>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69:K853"/>
  <sheetViews>
    <sheetView tabSelected="1" view="pageBreakPreview" zoomScaleNormal="100" zoomScaleSheetLayoutView="100" workbookViewId="0">
      <selection activeCell="G547" sqref="G547:G548"/>
    </sheetView>
  </sheetViews>
  <sheetFormatPr defaultColWidth="9" defaultRowHeight="12.75"/>
  <cols>
    <col min="1" max="1" width="15.5625" style="2" customWidth="1"/>
    <col min="2" max="2" width="67.625" style="2" customWidth="1"/>
    <col min="3" max="5" width="5.625" style="1" customWidth="1"/>
    <col min="6" max="6" width="1.625" style="1" hidden="1" customWidth="1"/>
    <col min="7" max="7" width="36.5625" style="2" customWidth="1"/>
    <col min="8" max="8" width="26.5625" style="2" customWidth="1"/>
    <col min="9" max="9" width="18.625" style="2" customWidth="1"/>
    <col min="10" max="10" width="15.625" style="2" customWidth="1"/>
    <col min="11" max="16384" width="9" style="1"/>
  </cols>
  <sheetData>
    <row r="69" spans="1:10" ht="20" customHeight="1">
      <c r="A69" s="58" t="s">
        <v>710</v>
      </c>
    </row>
    <row r="70" spans="1:10" ht="16.05" customHeight="1">
      <c r="A70" s="129" t="s">
        <v>369</v>
      </c>
      <c r="B70" s="125" t="s">
        <v>501</v>
      </c>
      <c r="C70" s="131" t="s">
        <v>0</v>
      </c>
      <c r="D70" s="131"/>
      <c r="E70" s="131"/>
      <c r="F70" s="28"/>
      <c r="G70" s="126" t="s">
        <v>7</v>
      </c>
      <c r="H70" s="128" t="s">
        <v>500</v>
      </c>
      <c r="I70" s="128" t="s">
        <v>1</v>
      </c>
      <c r="J70" s="128" t="s">
        <v>2</v>
      </c>
    </row>
    <row r="71" spans="1:10" ht="22.05" customHeight="1">
      <c r="A71" s="130"/>
      <c r="B71" s="125"/>
      <c r="C71" s="41" t="s">
        <v>476</v>
      </c>
      <c r="D71" s="41" t="s">
        <v>475</v>
      </c>
      <c r="E71" s="27" t="s">
        <v>274</v>
      </c>
      <c r="F71" s="25"/>
      <c r="G71" s="127"/>
      <c r="H71" s="128"/>
      <c r="I71" s="128"/>
      <c r="J71" s="128"/>
    </row>
    <row r="72" spans="1:10" ht="18" customHeight="1">
      <c r="A72" s="40" t="s">
        <v>725</v>
      </c>
      <c r="B72" s="7"/>
      <c r="C72" s="51"/>
      <c r="D72" s="51"/>
      <c r="E72" s="51"/>
      <c r="F72" s="4"/>
      <c r="G72" s="7"/>
      <c r="H72" s="7"/>
      <c r="I72" s="7"/>
      <c r="J72" s="7"/>
    </row>
    <row r="73" spans="1:10" ht="25.5" customHeight="1">
      <c r="A73" s="35" t="s">
        <v>864</v>
      </c>
      <c r="B73" s="35" t="s">
        <v>3</v>
      </c>
      <c r="C73" s="50" t="s">
        <v>4</v>
      </c>
      <c r="D73" s="50" t="s">
        <v>4</v>
      </c>
      <c r="E73" s="50"/>
      <c r="F73" s="5"/>
      <c r="G73" s="8" t="s">
        <v>646</v>
      </c>
      <c r="H73" s="8" t="s">
        <v>12</v>
      </c>
      <c r="I73" s="8" t="s">
        <v>9</v>
      </c>
      <c r="J73" s="8" t="s">
        <v>10</v>
      </c>
    </row>
    <row r="74" spans="1:10" s="2" customFormat="1" ht="19.899999999999999">
      <c r="A74" s="35"/>
      <c r="B74" s="35" t="s">
        <v>77</v>
      </c>
      <c r="C74" s="50" t="s">
        <v>4</v>
      </c>
      <c r="D74" s="50" t="s">
        <v>4</v>
      </c>
      <c r="E74" s="50"/>
      <c r="F74" s="5"/>
      <c r="G74" s="8" t="s">
        <v>8</v>
      </c>
      <c r="H74" s="17"/>
      <c r="I74" s="17"/>
      <c r="J74" s="8"/>
    </row>
    <row r="75" spans="1:10" ht="135" customHeight="1">
      <c r="A75" s="35"/>
      <c r="B75" s="32"/>
      <c r="C75" s="52"/>
      <c r="D75" s="52"/>
      <c r="E75" s="52"/>
      <c r="F75" s="4"/>
      <c r="G75" s="116" t="s">
        <v>392</v>
      </c>
      <c r="H75" s="116"/>
      <c r="I75" s="116"/>
      <c r="J75" s="8"/>
    </row>
    <row r="76" spans="1:10" ht="20" customHeight="1">
      <c r="A76" s="35"/>
      <c r="B76" s="35" t="s">
        <v>5</v>
      </c>
      <c r="C76" s="52"/>
      <c r="D76" s="52"/>
      <c r="E76" s="52"/>
      <c r="F76" s="4"/>
      <c r="G76" s="9"/>
      <c r="H76" s="11"/>
      <c r="I76" s="10"/>
      <c r="J76" s="10"/>
    </row>
    <row r="77" spans="1:10" ht="45" customHeight="1">
      <c r="A77" s="35"/>
      <c r="B77" s="35" t="s">
        <v>939</v>
      </c>
      <c r="C77" s="50" t="s">
        <v>4</v>
      </c>
      <c r="D77" s="50" t="s">
        <v>4</v>
      </c>
      <c r="E77" s="50" t="s">
        <v>4</v>
      </c>
      <c r="F77" s="5"/>
      <c r="G77" s="109" t="s">
        <v>526</v>
      </c>
      <c r="H77" s="110"/>
      <c r="I77" s="111"/>
      <c r="J77" s="8"/>
    </row>
    <row r="78" spans="1:10" ht="70.05" customHeight="1">
      <c r="A78" s="35"/>
      <c r="B78" s="35" t="s">
        <v>967</v>
      </c>
      <c r="C78" s="50" t="s">
        <v>4</v>
      </c>
      <c r="D78" s="50" t="s">
        <v>4</v>
      </c>
      <c r="E78" s="50" t="s">
        <v>4</v>
      </c>
      <c r="F78" s="5"/>
      <c r="G78" s="116" t="s">
        <v>275</v>
      </c>
      <c r="H78" s="109"/>
      <c r="I78" s="10"/>
      <c r="J78" s="8"/>
    </row>
    <row r="79" spans="1:10" ht="120" customHeight="1">
      <c r="A79" s="35"/>
      <c r="B79" s="35" t="s">
        <v>866</v>
      </c>
      <c r="C79" s="50" t="s">
        <v>4</v>
      </c>
      <c r="D79" s="50" t="s">
        <v>4</v>
      </c>
      <c r="E79" s="50" t="s">
        <v>4</v>
      </c>
      <c r="F79" s="5"/>
      <c r="G79" s="8" t="s">
        <v>647</v>
      </c>
      <c r="H79" s="14" t="s">
        <v>861</v>
      </c>
      <c r="I79" s="14" t="s">
        <v>250</v>
      </c>
      <c r="J79" s="8" t="s">
        <v>13</v>
      </c>
    </row>
    <row r="80" spans="1:10" ht="30" customHeight="1">
      <c r="A80" s="35"/>
      <c r="B80" s="35"/>
      <c r="C80" s="50"/>
      <c r="D80" s="50"/>
      <c r="E80" s="50"/>
      <c r="F80" s="5"/>
      <c r="G80" s="9"/>
      <c r="H80" s="11"/>
      <c r="I80" s="30"/>
      <c r="J80" s="10"/>
    </row>
    <row r="81" spans="1:11" ht="20" customHeight="1">
      <c r="A81" s="35"/>
      <c r="B81" s="35" t="s">
        <v>6</v>
      </c>
      <c r="C81" s="52"/>
      <c r="D81" s="52"/>
      <c r="E81" s="52"/>
      <c r="F81" s="4"/>
      <c r="G81" s="9"/>
      <c r="H81" s="11"/>
      <c r="I81" s="21"/>
      <c r="J81" s="10"/>
    </row>
    <row r="82" spans="1:11" ht="90" customHeight="1">
      <c r="A82" s="35"/>
      <c r="B82" s="35" t="s">
        <v>276</v>
      </c>
      <c r="C82" s="50" t="s">
        <v>4</v>
      </c>
      <c r="D82" s="50" t="s">
        <v>4</v>
      </c>
      <c r="E82" s="50"/>
      <c r="F82" s="5"/>
      <c r="G82" s="116" t="s">
        <v>527</v>
      </c>
      <c r="H82" s="116"/>
      <c r="I82" s="17" t="s">
        <v>704</v>
      </c>
      <c r="J82" s="8" t="s">
        <v>11</v>
      </c>
    </row>
    <row r="83" spans="1:11" ht="15" customHeight="1">
      <c r="A83" s="35"/>
      <c r="B83" s="35"/>
      <c r="C83" s="50"/>
      <c r="D83" s="50"/>
      <c r="E83" s="50"/>
      <c r="F83" s="5"/>
      <c r="G83" s="9"/>
      <c r="H83" s="11"/>
      <c r="I83" s="10"/>
      <c r="J83" s="8"/>
    </row>
    <row r="84" spans="1:11" ht="80" customHeight="1">
      <c r="A84" s="35"/>
      <c r="B84" s="36" t="s">
        <v>277</v>
      </c>
      <c r="C84" s="50" t="s">
        <v>4</v>
      </c>
      <c r="D84" s="50" t="s">
        <v>4</v>
      </c>
      <c r="E84" s="50"/>
      <c r="F84" s="5"/>
      <c r="G84" s="109" t="s">
        <v>528</v>
      </c>
      <c r="H84" s="110"/>
      <c r="I84" s="111"/>
      <c r="J84" s="8"/>
    </row>
    <row r="85" spans="1:11" ht="115.05" customHeight="1">
      <c r="A85" s="38"/>
      <c r="B85" s="37" t="s">
        <v>278</v>
      </c>
      <c r="C85" s="53" t="s">
        <v>4</v>
      </c>
      <c r="D85" s="53" t="s">
        <v>4</v>
      </c>
      <c r="E85" s="53"/>
      <c r="F85" s="5"/>
      <c r="G85" s="106" t="s">
        <v>529</v>
      </c>
      <c r="H85" s="107"/>
      <c r="I85" s="108"/>
      <c r="J85" s="17"/>
    </row>
    <row r="86" spans="1:11" ht="20" customHeight="1">
      <c r="A86" s="35" t="s">
        <v>940</v>
      </c>
      <c r="B86" s="35" t="s">
        <v>14</v>
      </c>
      <c r="C86" s="54"/>
      <c r="D86" s="54"/>
      <c r="E86" s="54"/>
      <c r="F86" s="6"/>
      <c r="G86" s="9"/>
      <c r="H86" s="18"/>
      <c r="I86" s="10"/>
      <c r="J86" s="8"/>
      <c r="K86" s="3"/>
    </row>
    <row r="87" spans="1:11" ht="63.75" customHeight="1">
      <c r="A87" s="35"/>
      <c r="B87" s="35" t="s">
        <v>279</v>
      </c>
      <c r="C87" s="50" t="s">
        <v>4</v>
      </c>
      <c r="D87" s="50" t="s">
        <v>4</v>
      </c>
      <c r="E87" s="50" t="s">
        <v>4</v>
      </c>
      <c r="F87" s="5"/>
      <c r="G87" s="8" t="s">
        <v>648</v>
      </c>
      <c r="H87" s="17" t="s">
        <v>16</v>
      </c>
      <c r="I87" s="17" t="s">
        <v>17</v>
      </c>
      <c r="J87" s="8" t="s">
        <v>18</v>
      </c>
      <c r="K87" s="3"/>
    </row>
    <row r="88" spans="1:11" ht="15" customHeight="1">
      <c r="A88" s="35"/>
      <c r="B88" s="35"/>
      <c r="C88" s="50"/>
      <c r="D88" s="50"/>
      <c r="E88" s="50"/>
      <c r="F88" s="5"/>
      <c r="G88" s="9"/>
      <c r="H88" s="19"/>
      <c r="I88" s="30"/>
      <c r="J88" s="8"/>
      <c r="K88" s="3"/>
    </row>
    <row r="89" spans="1:11" ht="190.05" customHeight="1">
      <c r="A89" s="35"/>
      <c r="B89" s="35" t="s">
        <v>280</v>
      </c>
      <c r="C89" s="50" t="s">
        <v>4</v>
      </c>
      <c r="D89" s="50" t="s">
        <v>4</v>
      </c>
      <c r="E89" s="50" t="s">
        <v>4</v>
      </c>
      <c r="F89" s="5"/>
      <c r="G89" s="109" t="s">
        <v>649</v>
      </c>
      <c r="H89" s="110"/>
      <c r="I89" s="111"/>
      <c r="J89" s="8"/>
      <c r="K89" s="3"/>
    </row>
    <row r="90" spans="1:11" ht="35" customHeight="1">
      <c r="A90" s="35" t="s">
        <v>867</v>
      </c>
      <c r="B90" s="35"/>
      <c r="C90" s="54"/>
      <c r="D90" s="54"/>
      <c r="E90" s="54"/>
      <c r="F90" s="6"/>
      <c r="G90" s="9"/>
      <c r="H90" s="11"/>
      <c r="I90" s="10"/>
      <c r="J90" s="8"/>
      <c r="K90" s="3"/>
    </row>
    <row r="91" spans="1:11" ht="30" customHeight="1">
      <c r="A91" s="35" t="s">
        <v>726</v>
      </c>
      <c r="B91" s="36" t="s">
        <v>15</v>
      </c>
      <c r="C91" s="54"/>
      <c r="D91" s="54"/>
      <c r="E91" s="54"/>
      <c r="F91" s="6"/>
      <c r="G91" s="9"/>
      <c r="H91" s="20"/>
      <c r="I91" s="21"/>
      <c r="J91" s="10"/>
      <c r="K91" s="3"/>
    </row>
    <row r="92" spans="1:11" ht="135" customHeight="1">
      <c r="A92" s="35"/>
      <c r="B92" s="36" t="s">
        <v>865</v>
      </c>
      <c r="C92" s="50" t="s">
        <v>4</v>
      </c>
      <c r="D92" s="50" t="s">
        <v>4</v>
      </c>
      <c r="E92" s="50"/>
      <c r="F92" s="5"/>
      <c r="G92" s="8" t="s">
        <v>674</v>
      </c>
      <c r="H92" s="17" t="s">
        <v>868</v>
      </c>
      <c r="I92" s="24" t="s">
        <v>19</v>
      </c>
      <c r="J92" s="8" t="s">
        <v>831</v>
      </c>
      <c r="K92" s="3"/>
    </row>
    <row r="93" spans="1:11" ht="15" customHeight="1">
      <c r="A93" s="35"/>
      <c r="B93" s="36"/>
      <c r="C93" s="50"/>
      <c r="D93" s="50"/>
      <c r="E93" s="50"/>
      <c r="F93" s="5"/>
      <c r="G93" s="9"/>
      <c r="H93" s="19"/>
      <c r="I93" s="31"/>
      <c r="J93" s="8"/>
      <c r="K93" s="3"/>
    </row>
    <row r="94" spans="1:11" ht="325.05" customHeight="1">
      <c r="A94" s="38"/>
      <c r="B94" s="37" t="s">
        <v>422</v>
      </c>
      <c r="C94" s="53" t="s">
        <v>4</v>
      </c>
      <c r="D94" s="53" t="s">
        <v>4</v>
      </c>
      <c r="E94" s="53"/>
      <c r="F94" s="6"/>
      <c r="G94" s="106" t="s">
        <v>675</v>
      </c>
      <c r="H94" s="107"/>
      <c r="I94" s="108"/>
      <c r="J94" s="17"/>
      <c r="K94" s="3"/>
    </row>
    <row r="95" spans="1:11" ht="70.05" customHeight="1">
      <c r="A95" s="35"/>
      <c r="B95" s="36" t="s">
        <v>20</v>
      </c>
      <c r="C95" s="54"/>
      <c r="D95" s="54"/>
      <c r="E95" s="54"/>
      <c r="F95" s="6"/>
      <c r="G95" s="8" t="s">
        <v>530</v>
      </c>
      <c r="H95" s="17" t="s">
        <v>862</v>
      </c>
      <c r="I95" s="17" t="s">
        <v>628</v>
      </c>
      <c r="J95" s="8" t="s">
        <v>761</v>
      </c>
      <c r="K95" s="3"/>
    </row>
    <row r="96" spans="1:11" ht="15" customHeight="1">
      <c r="A96" s="35"/>
      <c r="B96" s="36"/>
      <c r="C96" s="54"/>
      <c r="D96" s="54"/>
      <c r="E96" s="54"/>
      <c r="F96" s="13"/>
      <c r="G96" s="9"/>
      <c r="H96" s="11"/>
      <c r="I96" s="11"/>
      <c r="J96" s="10"/>
      <c r="K96" s="3"/>
    </row>
    <row r="97" spans="1:11" ht="87" customHeight="1">
      <c r="A97" s="35"/>
      <c r="B97" s="36" t="s">
        <v>282</v>
      </c>
      <c r="C97" s="50" t="s">
        <v>4</v>
      </c>
      <c r="D97" s="50" t="s">
        <v>4</v>
      </c>
      <c r="E97" s="50"/>
      <c r="F97" s="12"/>
      <c r="G97" s="109" t="s">
        <v>769</v>
      </c>
      <c r="H97" s="110"/>
      <c r="I97" s="110"/>
      <c r="J97" s="111"/>
      <c r="K97" s="3"/>
    </row>
    <row r="98" spans="1:11" ht="100.5" customHeight="1">
      <c r="A98" s="35"/>
      <c r="B98" s="36" t="s">
        <v>281</v>
      </c>
      <c r="C98" s="50" t="s">
        <v>4</v>
      </c>
      <c r="D98" s="50" t="s">
        <v>4</v>
      </c>
      <c r="E98" s="50"/>
      <c r="F98" s="13"/>
      <c r="G98" s="109" t="s">
        <v>947</v>
      </c>
      <c r="H98" s="110"/>
      <c r="I98" s="110"/>
      <c r="J98" s="111"/>
      <c r="K98" s="3"/>
    </row>
    <row r="99" spans="1:11" ht="114" customHeight="1">
      <c r="A99" s="35"/>
      <c r="B99" s="36" t="s">
        <v>968</v>
      </c>
      <c r="C99" s="50" t="s">
        <v>4</v>
      </c>
      <c r="D99" s="50" t="s">
        <v>4</v>
      </c>
      <c r="E99" s="50"/>
      <c r="F99" s="13"/>
      <c r="G99" s="102" t="s">
        <v>869</v>
      </c>
      <c r="H99" s="112"/>
      <c r="I99" s="112"/>
      <c r="J99" s="103"/>
      <c r="K99" s="3"/>
    </row>
    <row r="100" spans="1:11" ht="100.25" customHeight="1">
      <c r="A100" s="35"/>
      <c r="B100" s="36" t="s">
        <v>970</v>
      </c>
      <c r="C100" s="50" t="s">
        <v>4</v>
      </c>
      <c r="D100" s="50" t="s">
        <v>4</v>
      </c>
      <c r="E100" s="50"/>
      <c r="F100" s="13"/>
      <c r="G100" s="102"/>
      <c r="H100" s="112"/>
      <c r="I100" s="112"/>
      <c r="J100" s="103"/>
      <c r="K100" s="3"/>
    </row>
    <row r="101" spans="1:11" ht="50" customHeight="1">
      <c r="A101" s="35"/>
      <c r="B101" s="36" t="s">
        <v>969</v>
      </c>
      <c r="C101" s="50" t="s">
        <v>4</v>
      </c>
      <c r="D101" s="50" t="s">
        <v>4</v>
      </c>
      <c r="E101" s="50"/>
      <c r="F101" s="13"/>
      <c r="G101" s="109" t="s">
        <v>770</v>
      </c>
      <c r="H101" s="110"/>
      <c r="I101" s="110"/>
      <c r="J101" s="111"/>
      <c r="K101" s="3"/>
    </row>
    <row r="102" spans="1:11" ht="55.05" customHeight="1">
      <c r="A102" s="35"/>
      <c r="B102" s="36" t="s">
        <v>971</v>
      </c>
      <c r="C102" s="50" t="s">
        <v>4</v>
      </c>
      <c r="D102" s="50" t="s">
        <v>4</v>
      </c>
      <c r="E102" s="50" t="s">
        <v>4</v>
      </c>
      <c r="F102" s="13"/>
      <c r="G102" s="109" t="s">
        <v>771</v>
      </c>
      <c r="H102" s="110"/>
      <c r="I102" s="110"/>
      <c r="J102" s="111"/>
      <c r="K102" s="3"/>
    </row>
    <row r="103" spans="1:11" ht="60" customHeight="1">
      <c r="A103" s="35"/>
      <c r="B103" s="36" t="s">
        <v>973</v>
      </c>
      <c r="C103" s="50" t="s">
        <v>4</v>
      </c>
      <c r="D103" s="50" t="s">
        <v>4</v>
      </c>
      <c r="E103" s="50"/>
      <c r="F103" s="13"/>
      <c r="G103" s="109" t="s">
        <v>676</v>
      </c>
      <c r="H103" s="110"/>
      <c r="I103" s="110"/>
      <c r="J103" s="111"/>
      <c r="K103" s="3"/>
    </row>
    <row r="104" spans="1:11" ht="60" customHeight="1">
      <c r="A104" s="35"/>
      <c r="B104" s="36" t="s">
        <v>972</v>
      </c>
      <c r="C104" s="50" t="s">
        <v>4</v>
      </c>
      <c r="D104" s="50" t="s">
        <v>4</v>
      </c>
      <c r="E104" s="50"/>
      <c r="F104" s="13"/>
      <c r="G104" s="9"/>
      <c r="H104" s="11"/>
      <c r="I104" s="11"/>
      <c r="J104" s="10"/>
      <c r="K104" s="3"/>
    </row>
    <row r="105" spans="1:11" ht="115.05" customHeight="1">
      <c r="A105" s="38"/>
      <c r="B105" s="37" t="s">
        <v>21</v>
      </c>
      <c r="C105" s="53" t="s">
        <v>4</v>
      </c>
      <c r="D105" s="53" t="s">
        <v>4</v>
      </c>
      <c r="E105" s="53"/>
      <c r="F105" s="5"/>
      <c r="G105" s="17" t="s">
        <v>677</v>
      </c>
      <c r="H105" s="14" t="s">
        <v>870</v>
      </c>
      <c r="I105" s="14" t="s">
        <v>22</v>
      </c>
      <c r="J105" s="17" t="s">
        <v>762</v>
      </c>
      <c r="K105" s="3"/>
    </row>
    <row r="106" spans="1:11" ht="20" customHeight="1">
      <c r="A106" s="132" t="s">
        <v>935</v>
      </c>
      <c r="B106" s="36" t="s">
        <v>757</v>
      </c>
      <c r="C106" s="50"/>
      <c r="D106" s="50"/>
      <c r="E106" s="50"/>
      <c r="F106" s="5"/>
      <c r="G106" s="8"/>
      <c r="H106" s="17"/>
      <c r="I106" s="17"/>
      <c r="J106" s="8"/>
      <c r="K106" s="3"/>
    </row>
    <row r="107" spans="1:11" ht="130.05000000000001" customHeight="1">
      <c r="A107" s="100"/>
      <c r="B107" s="93" t="s">
        <v>974</v>
      </c>
      <c r="C107" s="50" t="s">
        <v>4</v>
      </c>
      <c r="D107" s="50" t="s">
        <v>4</v>
      </c>
      <c r="E107" s="50"/>
      <c r="F107" s="6"/>
      <c r="G107" s="8" t="s">
        <v>678</v>
      </c>
      <c r="H107" s="17" t="s">
        <v>502</v>
      </c>
      <c r="I107" s="17" t="s">
        <v>629</v>
      </c>
      <c r="J107" s="8" t="s">
        <v>23</v>
      </c>
      <c r="K107" s="3"/>
    </row>
    <row r="108" spans="1:11" ht="10.050000000000001" customHeight="1">
      <c r="A108" s="35"/>
      <c r="B108" s="36"/>
      <c r="C108" s="54"/>
      <c r="D108" s="54"/>
      <c r="E108" s="54"/>
      <c r="F108" s="13"/>
      <c r="G108" s="9"/>
      <c r="H108" s="11"/>
      <c r="I108" s="10"/>
      <c r="J108" s="8"/>
      <c r="K108" s="3"/>
    </row>
    <row r="109" spans="1:11" ht="55.05" customHeight="1">
      <c r="A109" s="35"/>
      <c r="B109" s="36" t="s">
        <v>871</v>
      </c>
      <c r="C109" s="50" t="s">
        <v>4</v>
      </c>
      <c r="D109" s="50" t="s">
        <v>4</v>
      </c>
      <c r="E109" s="50"/>
      <c r="F109" s="13"/>
      <c r="G109" s="109" t="s">
        <v>284</v>
      </c>
      <c r="H109" s="110"/>
      <c r="I109" s="111"/>
      <c r="J109" s="8"/>
      <c r="K109" s="3"/>
    </row>
    <row r="110" spans="1:11" ht="50" customHeight="1">
      <c r="A110" s="35"/>
      <c r="B110" s="35"/>
      <c r="C110" s="54"/>
      <c r="D110" s="54"/>
      <c r="E110" s="54"/>
      <c r="F110" s="13"/>
      <c r="G110" s="109" t="s">
        <v>679</v>
      </c>
      <c r="H110" s="110"/>
      <c r="I110" s="111"/>
      <c r="J110" s="8"/>
      <c r="K110" s="3"/>
    </row>
    <row r="111" spans="1:11" ht="40.049999999999997" customHeight="1">
      <c r="A111" s="35"/>
      <c r="B111" s="36" t="s">
        <v>283</v>
      </c>
      <c r="C111" s="50" t="s">
        <v>4</v>
      </c>
      <c r="D111" s="50" t="s">
        <v>4</v>
      </c>
      <c r="E111" s="50"/>
      <c r="F111" s="13"/>
      <c r="G111" s="102" t="s">
        <v>680</v>
      </c>
      <c r="H111" s="112"/>
      <c r="I111" s="103"/>
      <c r="J111" s="8"/>
      <c r="K111" s="3"/>
    </row>
    <row r="112" spans="1:11" ht="65" customHeight="1">
      <c r="A112" s="35"/>
      <c r="B112" s="93" t="s">
        <v>477</v>
      </c>
      <c r="C112" s="50" t="s">
        <v>4</v>
      </c>
      <c r="D112" s="50" t="s">
        <v>4</v>
      </c>
      <c r="E112" s="50"/>
      <c r="F112" s="13"/>
      <c r="G112" s="94" t="s">
        <v>986</v>
      </c>
      <c r="H112" s="95" t="s">
        <v>420</v>
      </c>
      <c r="I112" s="95" t="s">
        <v>531</v>
      </c>
      <c r="J112" s="8"/>
      <c r="K112" s="3"/>
    </row>
    <row r="113" spans="1:11" ht="80" customHeight="1">
      <c r="A113" s="35"/>
      <c r="B113" s="35" t="s">
        <v>423</v>
      </c>
      <c r="C113" s="50" t="s">
        <v>4</v>
      </c>
      <c r="D113" s="50" t="s">
        <v>4</v>
      </c>
      <c r="E113" s="50"/>
      <c r="F113" s="13"/>
      <c r="G113" s="9" t="s">
        <v>533</v>
      </c>
      <c r="H113" s="17" t="s">
        <v>863</v>
      </c>
      <c r="I113" s="17" t="s">
        <v>532</v>
      </c>
      <c r="J113" s="8" t="s">
        <v>832</v>
      </c>
      <c r="K113" s="3"/>
    </row>
    <row r="114" spans="1:11" ht="10.050000000000001" customHeight="1">
      <c r="A114" s="35"/>
      <c r="B114" s="35"/>
      <c r="C114" s="54"/>
      <c r="D114" s="54"/>
      <c r="E114" s="54"/>
      <c r="F114" s="13"/>
      <c r="G114" s="9"/>
      <c r="H114" s="11"/>
      <c r="I114" s="10"/>
      <c r="J114" s="8"/>
      <c r="K114" s="3"/>
    </row>
    <row r="115" spans="1:11" ht="95" customHeight="1">
      <c r="A115" s="35"/>
      <c r="B115" s="35" t="s">
        <v>285</v>
      </c>
      <c r="C115" s="50" t="s">
        <v>4</v>
      </c>
      <c r="D115" s="50" t="s">
        <v>4</v>
      </c>
      <c r="E115" s="50"/>
      <c r="F115" s="12"/>
      <c r="G115" s="109" t="s">
        <v>772</v>
      </c>
      <c r="H115" s="110"/>
      <c r="I115" s="111"/>
      <c r="J115" s="8"/>
      <c r="K115" s="3"/>
    </row>
    <row r="116" spans="1:11" ht="50.75" customHeight="1">
      <c r="A116" s="35"/>
      <c r="B116" s="35" t="s">
        <v>985</v>
      </c>
      <c r="C116" s="50" t="s">
        <v>4</v>
      </c>
      <c r="D116" s="50" t="s">
        <v>4</v>
      </c>
      <c r="E116" s="50" t="s">
        <v>4</v>
      </c>
      <c r="F116" s="12"/>
      <c r="G116" s="109" t="s">
        <v>773</v>
      </c>
      <c r="H116" s="110"/>
      <c r="I116" s="111"/>
      <c r="J116" s="8"/>
      <c r="K116" s="3"/>
    </row>
    <row r="117" spans="1:11" ht="35" customHeight="1">
      <c r="A117" s="35"/>
      <c r="B117" s="35" t="s">
        <v>413</v>
      </c>
      <c r="C117" s="50" t="s">
        <v>4</v>
      </c>
      <c r="D117" s="50" t="s">
        <v>4</v>
      </c>
      <c r="E117" s="50" t="s">
        <v>4</v>
      </c>
      <c r="F117" s="12"/>
      <c r="G117" s="109" t="s">
        <v>534</v>
      </c>
      <c r="H117" s="110"/>
      <c r="I117" s="111"/>
      <c r="J117" s="8"/>
      <c r="K117" s="3"/>
    </row>
    <row r="118" spans="1:11" ht="60" customHeight="1">
      <c r="A118" s="35"/>
      <c r="B118" s="35"/>
      <c r="C118" s="50"/>
      <c r="D118" s="50"/>
      <c r="E118" s="50"/>
      <c r="F118" s="12"/>
      <c r="G118" s="109" t="s">
        <v>535</v>
      </c>
      <c r="H118" s="110"/>
      <c r="I118" s="111"/>
      <c r="J118" s="8"/>
      <c r="K118" s="3"/>
    </row>
    <row r="119" spans="1:11" ht="70.05" customHeight="1">
      <c r="A119" s="35"/>
      <c r="B119" s="35" t="s">
        <v>424</v>
      </c>
      <c r="C119" s="50" t="s">
        <v>4</v>
      </c>
      <c r="D119" s="50" t="s">
        <v>4</v>
      </c>
      <c r="E119" s="50" t="s">
        <v>4</v>
      </c>
      <c r="F119" s="13"/>
      <c r="G119" s="109" t="s">
        <v>681</v>
      </c>
      <c r="H119" s="110"/>
      <c r="I119" s="111"/>
      <c r="J119" s="8"/>
      <c r="K119" s="3"/>
    </row>
    <row r="120" spans="1:11" ht="56.65" customHeight="1">
      <c r="A120" s="38"/>
      <c r="B120" s="38" t="s">
        <v>425</v>
      </c>
      <c r="C120" s="55"/>
      <c r="D120" s="55"/>
      <c r="E120" s="55"/>
      <c r="F120" s="13"/>
      <c r="G120" s="106" t="s">
        <v>682</v>
      </c>
      <c r="H120" s="107"/>
      <c r="I120" s="108"/>
      <c r="J120" s="17"/>
      <c r="K120" s="3"/>
    </row>
    <row r="121" spans="1:11" ht="20" customHeight="1">
      <c r="A121" s="35"/>
      <c r="B121" s="36" t="s">
        <v>24</v>
      </c>
      <c r="C121" s="54"/>
      <c r="D121" s="54"/>
      <c r="E121" s="54"/>
      <c r="F121" s="6"/>
      <c r="G121" s="8"/>
      <c r="H121" s="8"/>
      <c r="I121" s="8"/>
      <c r="J121" s="8"/>
      <c r="K121" s="3"/>
    </row>
    <row r="122" spans="1:11" ht="33.75" customHeight="1">
      <c r="A122" s="35"/>
      <c r="B122" s="36" t="s">
        <v>286</v>
      </c>
      <c r="C122" s="50" t="s">
        <v>4</v>
      </c>
      <c r="D122" s="50" t="s">
        <v>4</v>
      </c>
      <c r="E122" s="50"/>
      <c r="F122" s="5"/>
      <c r="G122" s="116" t="s">
        <v>536</v>
      </c>
      <c r="H122" s="116" t="s">
        <v>503</v>
      </c>
      <c r="I122" s="116" t="s">
        <v>630</v>
      </c>
      <c r="J122" s="8" t="s">
        <v>833</v>
      </c>
      <c r="K122" s="3"/>
    </row>
    <row r="123" spans="1:11" ht="50" customHeight="1">
      <c r="A123" s="35"/>
      <c r="B123" s="36" t="s">
        <v>472</v>
      </c>
      <c r="C123" s="50" t="s">
        <v>4</v>
      </c>
      <c r="D123" s="50" t="s">
        <v>4</v>
      </c>
      <c r="E123" s="50" t="s">
        <v>4</v>
      </c>
      <c r="F123" s="5"/>
      <c r="G123" s="116"/>
      <c r="H123" s="117"/>
      <c r="I123" s="117"/>
      <c r="J123" s="8"/>
      <c r="K123" s="3"/>
    </row>
    <row r="124" spans="1:11" ht="15" customHeight="1">
      <c r="A124" s="35"/>
      <c r="B124" s="36"/>
      <c r="C124" s="50"/>
      <c r="D124" s="50"/>
      <c r="E124" s="50"/>
      <c r="F124" s="5"/>
      <c r="G124" s="9"/>
      <c r="H124" s="19"/>
      <c r="I124" s="10"/>
      <c r="J124" s="8"/>
      <c r="K124" s="3"/>
    </row>
    <row r="125" spans="1:11" ht="70.05" customHeight="1">
      <c r="A125" s="35"/>
      <c r="B125" s="36" t="s">
        <v>987</v>
      </c>
      <c r="C125" s="50" t="s">
        <v>4</v>
      </c>
      <c r="D125" s="50" t="s">
        <v>4</v>
      </c>
      <c r="E125" s="50"/>
      <c r="F125" s="5"/>
      <c r="G125" s="116" t="s">
        <v>953</v>
      </c>
      <c r="H125" s="116"/>
      <c r="I125" s="116"/>
      <c r="J125" s="8"/>
      <c r="K125" s="3"/>
    </row>
    <row r="126" spans="1:11" ht="35" customHeight="1">
      <c r="A126" s="35"/>
      <c r="B126" s="36"/>
      <c r="C126" s="50"/>
      <c r="D126" s="50"/>
      <c r="E126" s="50"/>
      <c r="F126" s="6"/>
      <c r="G126" s="116"/>
      <c r="H126" s="116"/>
      <c r="I126" s="116"/>
      <c r="J126" s="8"/>
      <c r="K126" s="3"/>
    </row>
    <row r="127" spans="1:11" ht="17.649999999999999">
      <c r="A127" s="35"/>
      <c r="B127" s="35"/>
      <c r="C127" s="54"/>
      <c r="D127" s="54"/>
      <c r="E127" s="54"/>
      <c r="F127" s="6"/>
      <c r="G127" s="116"/>
      <c r="H127" s="116"/>
      <c r="I127" s="116"/>
      <c r="J127" s="8"/>
      <c r="K127" s="3"/>
    </row>
    <row r="128" spans="1:11" ht="17.649999999999999">
      <c r="A128" s="35"/>
      <c r="B128" s="35"/>
      <c r="C128" s="54"/>
      <c r="D128" s="54"/>
      <c r="E128" s="54"/>
      <c r="F128" s="6"/>
      <c r="G128" s="116"/>
      <c r="H128" s="116"/>
      <c r="I128" s="116"/>
      <c r="J128" s="8"/>
      <c r="K128" s="3"/>
    </row>
    <row r="129" spans="1:11" ht="17.649999999999999">
      <c r="A129" s="35"/>
      <c r="B129" s="35"/>
      <c r="C129" s="54"/>
      <c r="D129" s="54"/>
      <c r="E129" s="54"/>
      <c r="F129" s="6"/>
      <c r="G129" s="116"/>
      <c r="H129" s="116"/>
      <c r="I129" s="116"/>
      <c r="J129" s="8"/>
      <c r="K129" s="3"/>
    </row>
    <row r="130" spans="1:11" ht="27.75" customHeight="1">
      <c r="A130" s="35"/>
      <c r="B130" s="35"/>
      <c r="C130" s="50"/>
      <c r="D130" s="50"/>
      <c r="E130" s="50"/>
      <c r="F130" s="5"/>
      <c r="G130" s="116"/>
      <c r="H130" s="116"/>
      <c r="I130" s="116"/>
      <c r="J130" s="8"/>
      <c r="K130" s="3"/>
    </row>
    <row r="131" spans="1:11" ht="17.649999999999999">
      <c r="A131" s="35"/>
      <c r="B131" s="35"/>
      <c r="C131" s="54"/>
      <c r="D131" s="54"/>
      <c r="E131" s="54"/>
      <c r="F131" s="6"/>
      <c r="G131" s="116"/>
      <c r="H131" s="116"/>
      <c r="I131" s="116"/>
      <c r="J131" s="8"/>
      <c r="K131" s="3"/>
    </row>
    <row r="132" spans="1:11" ht="17.649999999999999">
      <c r="A132" s="35"/>
      <c r="B132" s="35"/>
      <c r="C132" s="54"/>
      <c r="D132" s="54"/>
      <c r="E132" s="54"/>
      <c r="F132" s="6"/>
      <c r="G132" s="116"/>
      <c r="H132" s="116"/>
      <c r="I132" s="116"/>
      <c r="J132" s="8"/>
      <c r="K132" s="3"/>
    </row>
    <row r="133" spans="1:11" ht="17.649999999999999">
      <c r="A133" s="35"/>
      <c r="B133" s="35"/>
      <c r="C133" s="54"/>
      <c r="D133" s="54"/>
      <c r="E133" s="54"/>
      <c r="F133" s="6"/>
      <c r="G133" s="116"/>
      <c r="H133" s="116"/>
      <c r="I133" s="116"/>
      <c r="J133" s="8"/>
      <c r="K133" s="3"/>
    </row>
    <row r="134" spans="1:11" ht="17.649999999999999">
      <c r="A134" s="35"/>
      <c r="B134" s="35"/>
      <c r="C134" s="54"/>
      <c r="D134" s="54"/>
      <c r="E134" s="54"/>
      <c r="F134" s="6"/>
      <c r="G134" s="116"/>
      <c r="H134" s="116"/>
      <c r="I134" s="116"/>
      <c r="J134" s="8"/>
      <c r="K134" s="3"/>
    </row>
    <row r="135" spans="1:11" ht="17.649999999999999">
      <c r="A135" s="35"/>
      <c r="B135" s="35"/>
      <c r="C135" s="54"/>
      <c r="D135" s="54"/>
      <c r="E135" s="54"/>
      <c r="F135" s="6"/>
      <c r="G135" s="116"/>
      <c r="H135" s="116"/>
      <c r="I135" s="116"/>
      <c r="J135" s="8"/>
      <c r="K135" s="3"/>
    </row>
    <row r="136" spans="1:11" ht="17.649999999999999">
      <c r="A136" s="35"/>
      <c r="B136" s="35"/>
      <c r="C136" s="54"/>
      <c r="D136" s="54"/>
      <c r="E136" s="54"/>
      <c r="F136" s="6"/>
      <c r="G136" s="116"/>
      <c r="H136" s="116"/>
      <c r="I136" s="116"/>
      <c r="J136" s="8"/>
      <c r="K136" s="3"/>
    </row>
    <row r="137" spans="1:11" ht="17.649999999999999">
      <c r="A137" s="35"/>
      <c r="B137" s="35"/>
      <c r="C137" s="54"/>
      <c r="D137" s="54"/>
      <c r="E137" s="54"/>
      <c r="F137" s="6"/>
      <c r="G137" s="116"/>
      <c r="H137" s="116"/>
      <c r="I137" s="116"/>
      <c r="J137" s="8"/>
      <c r="K137" s="3"/>
    </row>
    <row r="138" spans="1:11" ht="17.649999999999999">
      <c r="A138" s="35"/>
      <c r="B138" s="35"/>
      <c r="C138" s="54"/>
      <c r="D138" s="54"/>
      <c r="E138" s="54"/>
      <c r="F138" s="6"/>
      <c r="G138" s="116"/>
      <c r="H138" s="116"/>
      <c r="I138" s="116"/>
      <c r="J138" s="8"/>
      <c r="K138" s="3"/>
    </row>
    <row r="139" spans="1:11" ht="35.25">
      <c r="A139" s="35"/>
      <c r="B139" s="36" t="s">
        <v>727</v>
      </c>
      <c r="C139" s="50" t="s">
        <v>4</v>
      </c>
      <c r="D139" s="50" t="s">
        <v>4</v>
      </c>
      <c r="E139" s="50" t="s">
        <v>4</v>
      </c>
      <c r="F139" s="6"/>
      <c r="G139" s="116"/>
      <c r="H139" s="116"/>
      <c r="I139" s="116"/>
      <c r="J139" s="8"/>
      <c r="K139" s="3"/>
    </row>
    <row r="140" spans="1:11" ht="17.649999999999999">
      <c r="A140" s="35"/>
      <c r="B140" s="35"/>
      <c r="C140" s="54"/>
      <c r="D140" s="54"/>
      <c r="E140" s="54"/>
      <c r="F140" s="6"/>
      <c r="G140" s="116"/>
      <c r="H140" s="116"/>
      <c r="I140" s="116"/>
      <c r="J140" s="8"/>
      <c r="K140" s="3"/>
    </row>
    <row r="141" spans="1:11" ht="17.649999999999999">
      <c r="A141" s="35"/>
      <c r="B141" s="35"/>
      <c r="C141" s="54"/>
      <c r="D141" s="54"/>
      <c r="E141" s="54"/>
      <c r="F141" s="6"/>
      <c r="G141" s="116"/>
      <c r="H141" s="116"/>
      <c r="I141" s="116"/>
      <c r="J141" s="8"/>
      <c r="K141" s="3"/>
    </row>
    <row r="142" spans="1:11" ht="17.649999999999999">
      <c r="A142" s="35"/>
      <c r="B142" s="35"/>
      <c r="C142" s="54"/>
      <c r="D142" s="54"/>
      <c r="E142" s="54"/>
      <c r="F142" s="6"/>
      <c r="G142" s="116"/>
      <c r="H142" s="116"/>
      <c r="I142" s="116"/>
      <c r="J142" s="8"/>
      <c r="K142" s="3"/>
    </row>
    <row r="143" spans="1:11" ht="17.649999999999999">
      <c r="A143" s="35"/>
      <c r="B143" s="35"/>
      <c r="C143" s="54"/>
      <c r="D143" s="54"/>
      <c r="E143" s="54"/>
      <c r="F143" s="6"/>
      <c r="G143" s="116"/>
      <c r="H143" s="116"/>
      <c r="I143" s="116"/>
      <c r="J143" s="8"/>
      <c r="K143" s="3"/>
    </row>
    <row r="144" spans="1:11" ht="20" customHeight="1">
      <c r="A144" s="35"/>
      <c r="B144" s="35"/>
      <c r="C144" s="54"/>
      <c r="D144" s="54"/>
      <c r="E144" s="54"/>
      <c r="F144" s="6"/>
      <c r="G144" s="116"/>
      <c r="H144" s="116"/>
      <c r="I144" s="116"/>
      <c r="J144" s="8"/>
      <c r="K144" s="3"/>
    </row>
    <row r="145" spans="1:11" ht="17.649999999999999">
      <c r="A145" s="35"/>
      <c r="B145" s="35"/>
      <c r="C145" s="54"/>
      <c r="D145" s="54"/>
      <c r="E145" s="54"/>
      <c r="F145" s="6"/>
      <c r="G145" s="116"/>
      <c r="H145" s="116"/>
      <c r="I145" s="116"/>
      <c r="J145" s="8"/>
      <c r="K145" s="3"/>
    </row>
    <row r="146" spans="1:11" ht="17.649999999999999">
      <c r="A146" s="35"/>
      <c r="B146" s="35"/>
      <c r="C146" s="54"/>
      <c r="D146" s="54"/>
      <c r="E146" s="54"/>
      <c r="F146" s="6"/>
      <c r="G146" s="116"/>
      <c r="H146" s="116"/>
      <c r="I146" s="116"/>
      <c r="J146" s="8"/>
      <c r="K146" s="3"/>
    </row>
    <row r="147" spans="1:11" ht="17.649999999999999">
      <c r="A147" s="35"/>
      <c r="B147" s="35"/>
      <c r="C147" s="54"/>
      <c r="D147" s="54"/>
      <c r="E147" s="54"/>
      <c r="F147" s="6"/>
      <c r="G147" s="116"/>
      <c r="H147" s="116"/>
      <c r="I147" s="116"/>
      <c r="J147" s="8"/>
      <c r="K147" s="3"/>
    </row>
    <row r="148" spans="1:11" ht="17.649999999999999">
      <c r="A148" s="35"/>
      <c r="B148" s="35"/>
      <c r="C148" s="54"/>
      <c r="D148" s="54"/>
      <c r="E148" s="54"/>
      <c r="F148" s="6"/>
      <c r="G148" s="116"/>
      <c r="H148" s="116"/>
      <c r="I148" s="116"/>
      <c r="J148" s="8"/>
      <c r="K148" s="3"/>
    </row>
    <row r="149" spans="1:11" ht="17.649999999999999">
      <c r="A149" s="35"/>
      <c r="B149" s="35"/>
      <c r="C149" s="54"/>
      <c r="D149" s="54"/>
      <c r="E149" s="54"/>
      <c r="F149" s="6"/>
      <c r="G149" s="116"/>
      <c r="H149" s="116"/>
      <c r="I149" s="116"/>
      <c r="J149" s="8"/>
      <c r="K149" s="3"/>
    </row>
    <row r="150" spans="1:11" ht="17.649999999999999">
      <c r="A150" s="35"/>
      <c r="B150" s="35"/>
      <c r="C150" s="54"/>
      <c r="D150" s="54"/>
      <c r="E150" s="54"/>
      <c r="F150" s="6"/>
      <c r="G150" s="116"/>
      <c r="H150" s="116"/>
      <c r="I150" s="116"/>
      <c r="J150" s="8"/>
      <c r="K150" s="3"/>
    </row>
    <row r="151" spans="1:11" ht="17.649999999999999">
      <c r="A151" s="35"/>
      <c r="B151" s="35"/>
      <c r="C151" s="54"/>
      <c r="D151" s="54"/>
      <c r="E151" s="54"/>
      <c r="F151" s="6"/>
      <c r="G151" s="116"/>
      <c r="H151" s="116"/>
      <c r="I151" s="116"/>
      <c r="J151" s="8"/>
      <c r="K151" s="3"/>
    </row>
    <row r="152" spans="1:11" ht="17.649999999999999">
      <c r="A152" s="35"/>
      <c r="B152" s="35"/>
      <c r="C152" s="54"/>
      <c r="D152" s="54"/>
      <c r="E152" s="54"/>
      <c r="F152" s="6"/>
      <c r="G152" s="116"/>
      <c r="H152" s="116"/>
      <c r="I152" s="116"/>
      <c r="J152" s="8"/>
      <c r="K152" s="3"/>
    </row>
    <row r="153" spans="1:11" ht="17.649999999999999">
      <c r="A153" s="35"/>
      <c r="B153" s="35"/>
      <c r="C153" s="54"/>
      <c r="D153" s="54"/>
      <c r="E153" s="54"/>
      <c r="F153" s="6"/>
      <c r="G153" s="116"/>
      <c r="H153" s="116"/>
      <c r="I153" s="116"/>
      <c r="J153" s="8"/>
      <c r="K153" s="3"/>
    </row>
    <row r="154" spans="1:11" ht="17.649999999999999">
      <c r="A154" s="35"/>
      <c r="B154" s="35"/>
      <c r="C154" s="54"/>
      <c r="D154" s="54"/>
      <c r="E154" s="54"/>
      <c r="F154" s="6"/>
      <c r="G154" s="116"/>
      <c r="H154" s="116"/>
      <c r="I154" s="116"/>
      <c r="J154" s="8"/>
      <c r="K154" s="3"/>
    </row>
    <row r="155" spans="1:11" ht="17.649999999999999">
      <c r="A155" s="35"/>
      <c r="B155" s="35"/>
      <c r="C155" s="54"/>
      <c r="D155" s="54"/>
      <c r="E155" s="54"/>
      <c r="F155" s="6"/>
      <c r="G155" s="116"/>
      <c r="H155" s="116"/>
      <c r="I155" s="116"/>
      <c r="J155" s="8"/>
      <c r="K155" s="3"/>
    </row>
    <row r="156" spans="1:11" ht="17.649999999999999">
      <c r="A156" s="35"/>
      <c r="B156" s="35"/>
      <c r="C156" s="54"/>
      <c r="D156" s="54"/>
      <c r="E156" s="54"/>
      <c r="F156" s="6"/>
      <c r="G156" s="116"/>
      <c r="H156" s="116"/>
      <c r="I156" s="116"/>
      <c r="J156" s="8"/>
      <c r="K156" s="3"/>
    </row>
    <row r="157" spans="1:11" ht="17.649999999999999">
      <c r="A157" s="35"/>
      <c r="B157" s="35"/>
      <c r="C157" s="54"/>
      <c r="D157" s="54"/>
      <c r="E157" s="54"/>
      <c r="F157" s="6"/>
      <c r="G157" s="116"/>
      <c r="H157" s="116"/>
      <c r="I157" s="116"/>
      <c r="J157" s="8"/>
      <c r="K157" s="3"/>
    </row>
    <row r="158" spans="1:11" ht="17.649999999999999">
      <c r="A158" s="38"/>
      <c r="B158" s="38"/>
      <c r="C158" s="55"/>
      <c r="D158" s="55"/>
      <c r="E158" s="55"/>
      <c r="F158" s="24"/>
      <c r="G158" s="117"/>
      <c r="H158" s="117"/>
      <c r="I158" s="117"/>
      <c r="J158" s="17"/>
      <c r="K158" s="3"/>
    </row>
    <row r="159" spans="1:11" ht="20" customHeight="1">
      <c r="A159" s="35"/>
      <c r="B159" s="35" t="s">
        <v>25</v>
      </c>
      <c r="C159" s="54"/>
      <c r="D159" s="54"/>
      <c r="E159" s="54"/>
      <c r="F159" s="6"/>
      <c r="G159" s="8"/>
      <c r="H159" s="8"/>
      <c r="I159" s="8"/>
      <c r="J159" s="8"/>
      <c r="K159" s="3"/>
    </row>
    <row r="160" spans="1:11" ht="80" customHeight="1">
      <c r="A160" s="35"/>
      <c r="B160" s="36" t="s">
        <v>287</v>
      </c>
      <c r="C160" s="50" t="s">
        <v>4</v>
      </c>
      <c r="D160" s="50" t="s">
        <v>4</v>
      </c>
      <c r="E160" s="50"/>
      <c r="F160" s="5"/>
      <c r="G160" s="8" t="s">
        <v>537</v>
      </c>
      <c r="H160" s="8" t="s">
        <v>504</v>
      </c>
      <c r="I160" s="8" t="s">
        <v>705</v>
      </c>
      <c r="J160" s="8" t="s">
        <v>834</v>
      </c>
      <c r="K160" s="3"/>
    </row>
    <row r="161" spans="1:11" ht="20" customHeight="1">
      <c r="A161" s="35"/>
      <c r="B161" s="36"/>
      <c r="C161" s="50"/>
      <c r="D161" s="50"/>
      <c r="E161" s="50"/>
      <c r="F161" s="12"/>
      <c r="G161" s="9"/>
      <c r="H161" s="19"/>
      <c r="I161" s="30"/>
      <c r="J161" s="10"/>
      <c r="K161" s="3"/>
    </row>
    <row r="162" spans="1:11" ht="70.05" customHeight="1">
      <c r="A162" s="35"/>
      <c r="B162" s="36" t="s">
        <v>426</v>
      </c>
      <c r="C162" s="50" t="s">
        <v>4</v>
      </c>
      <c r="D162" s="50" t="s">
        <v>4</v>
      </c>
      <c r="E162" s="50" t="s">
        <v>4</v>
      </c>
      <c r="F162" s="12"/>
      <c r="G162" s="9"/>
      <c r="H162" s="11"/>
      <c r="I162" s="10"/>
      <c r="J162" s="10"/>
      <c r="K162" s="3"/>
    </row>
    <row r="163" spans="1:11" ht="180" customHeight="1">
      <c r="A163" s="35"/>
      <c r="B163" s="36" t="s">
        <v>288</v>
      </c>
      <c r="C163" s="50" t="s">
        <v>4</v>
      </c>
      <c r="D163" s="50" t="s">
        <v>4</v>
      </c>
      <c r="E163" s="50"/>
      <c r="F163" s="13"/>
      <c r="G163" s="102" t="s">
        <v>683</v>
      </c>
      <c r="H163" s="112"/>
      <c r="I163" s="103"/>
      <c r="J163" s="8"/>
      <c r="K163" s="3"/>
    </row>
    <row r="164" spans="1:11" ht="100.05" customHeight="1">
      <c r="A164" s="35"/>
      <c r="B164" s="36" t="s">
        <v>427</v>
      </c>
      <c r="C164" s="50" t="s">
        <v>4</v>
      </c>
      <c r="D164" s="50" t="s">
        <v>4</v>
      </c>
      <c r="E164" s="50" t="s">
        <v>4</v>
      </c>
      <c r="F164" s="12"/>
      <c r="G164" s="102" t="s">
        <v>989</v>
      </c>
      <c r="H164" s="112"/>
      <c r="I164" s="103"/>
      <c r="J164" s="8"/>
      <c r="K164" s="3"/>
    </row>
    <row r="165" spans="1:11" ht="50" customHeight="1">
      <c r="A165" s="35"/>
      <c r="B165" s="36" t="s">
        <v>428</v>
      </c>
      <c r="C165" s="50" t="s">
        <v>4</v>
      </c>
      <c r="D165" s="50" t="s">
        <v>4</v>
      </c>
      <c r="E165" s="50" t="s">
        <v>4</v>
      </c>
      <c r="F165" s="13"/>
      <c r="G165" s="102"/>
      <c r="H165" s="112"/>
      <c r="I165" s="103"/>
      <c r="J165" s="8"/>
      <c r="K165" s="3"/>
    </row>
    <row r="166" spans="1:11" ht="300" customHeight="1">
      <c r="A166" s="38"/>
      <c r="B166" s="37" t="s">
        <v>988</v>
      </c>
      <c r="C166" s="53" t="s">
        <v>4</v>
      </c>
      <c r="D166" s="53" t="s">
        <v>4</v>
      </c>
      <c r="E166" s="53" t="s">
        <v>4</v>
      </c>
      <c r="F166" s="12"/>
      <c r="G166" s="104"/>
      <c r="H166" s="118"/>
      <c r="I166" s="105"/>
      <c r="J166" s="17"/>
      <c r="K166" s="3"/>
    </row>
    <row r="167" spans="1:11" ht="20" customHeight="1">
      <c r="A167" s="35" t="s">
        <v>26</v>
      </c>
      <c r="B167" s="35"/>
      <c r="C167" s="54"/>
      <c r="D167" s="54"/>
      <c r="E167" s="54"/>
      <c r="F167" s="6"/>
      <c r="G167" s="8"/>
      <c r="H167" s="8"/>
      <c r="I167" s="8"/>
      <c r="J167" s="8"/>
      <c r="K167" s="3"/>
    </row>
    <row r="168" spans="1:11" ht="20" customHeight="1">
      <c r="A168" s="35" t="s">
        <v>397</v>
      </c>
      <c r="B168" s="35" t="s">
        <v>27</v>
      </c>
      <c r="C168" s="54"/>
      <c r="D168" s="54"/>
      <c r="E168" s="54"/>
      <c r="F168" s="6"/>
      <c r="G168" s="8"/>
      <c r="H168" s="8"/>
      <c r="I168" s="8"/>
      <c r="J168" s="8"/>
      <c r="K168" s="3"/>
    </row>
    <row r="169" spans="1:11" ht="100.05" customHeight="1">
      <c r="A169" s="35"/>
      <c r="B169" s="35" t="s">
        <v>289</v>
      </c>
      <c r="C169" s="50" t="s">
        <v>4</v>
      </c>
      <c r="D169" s="50" t="s">
        <v>4</v>
      </c>
      <c r="E169" s="50"/>
      <c r="F169" s="5"/>
      <c r="G169" s="8" t="s">
        <v>650</v>
      </c>
      <c r="H169" s="17" t="s">
        <v>872</v>
      </c>
      <c r="I169" s="17" t="s">
        <v>948</v>
      </c>
      <c r="J169" s="8" t="s">
        <v>29</v>
      </c>
      <c r="K169" s="3"/>
    </row>
    <row r="170" spans="1:11" ht="19.899999999999999">
      <c r="A170" s="35"/>
      <c r="B170" s="35"/>
      <c r="C170" s="50"/>
      <c r="D170" s="50"/>
      <c r="E170" s="50"/>
      <c r="F170" s="5"/>
      <c r="G170" s="9"/>
      <c r="H170" s="11"/>
      <c r="I170" s="10"/>
      <c r="J170" s="8"/>
      <c r="K170" s="3"/>
    </row>
    <row r="171" spans="1:11" ht="60" customHeight="1">
      <c r="A171" s="35"/>
      <c r="B171" s="35" t="s">
        <v>429</v>
      </c>
      <c r="C171" s="50" t="s">
        <v>4</v>
      </c>
      <c r="D171" s="50" t="s">
        <v>4</v>
      </c>
      <c r="E171" s="50" t="s">
        <v>4</v>
      </c>
      <c r="F171" s="12"/>
      <c r="G171" s="109" t="s">
        <v>538</v>
      </c>
      <c r="H171" s="110"/>
      <c r="I171" s="111"/>
      <c r="J171" s="8"/>
      <c r="K171" s="3"/>
    </row>
    <row r="172" spans="1:11" ht="80" customHeight="1">
      <c r="A172" s="35"/>
      <c r="B172" s="35" t="s">
        <v>290</v>
      </c>
      <c r="C172" s="50" t="s">
        <v>4</v>
      </c>
      <c r="D172" s="50" t="s">
        <v>4</v>
      </c>
      <c r="E172" s="50" t="s">
        <v>4</v>
      </c>
      <c r="F172" s="12"/>
      <c r="G172" s="109" t="s">
        <v>774</v>
      </c>
      <c r="H172" s="110"/>
      <c r="I172" s="111"/>
      <c r="J172" s="8"/>
      <c r="K172" s="3"/>
    </row>
    <row r="173" spans="1:11" ht="35" customHeight="1">
      <c r="A173" s="35" t="s">
        <v>747</v>
      </c>
      <c r="B173" s="36" t="s">
        <v>28</v>
      </c>
      <c r="C173" s="50"/>
      <c r="D173" s="50"/>
      <c r="E173" s="50"/>
      <c r="F173" s="5"/>
      <c r="G173" s="9"/>
      <c r="H173" s="20"/>
      <c r="I173" s="21"/>
      <c r="J173" s="8"/>
      <c r="K173" s="3"/>
    </row>
    <row r="174" spans="1:11" ht="100.05" customHeight="1">
      <c r="A174" s="35"/>
      <c r="B174" s="36" t="s">
        <v>291</v>
      </c>
      <c r="C174" s="50" t="s">
        <v>4</v>
      </c>
      <c r="D174" s="50" t="s">
        <v>4</v>
      </c>
      <c r="E174" s="50"/>
      <c r="F174" s="6"/>
      <c r="G174" s="8" t="s">
        <v>684</v>
      </c>
      <c r="H174" s="8" t="s">
        <v>964</v>
      </c>
      <c r="I174" s="8" t="s">
        <v>631</v>
      </c>
      <c r="J174" s="8" t="s">
        <v>30</v>
      </c>
      <c r="K174" s="3"/>
    </row>
    <row r="175" spans="1:11" ht="60" customHeight="1">
      <c r="A175" s="35"/>
      <c r="B175" s="36" t="s">
        <v>430</v>
      </c>
      <c r="C175" s="50" t="s">
        <v>4</v>
      </c>
      <c r="D175" s="50" t="s">
        <v>4</v>
      </c>
      <c r="E175" s="50"/>
      <c r="F175" s="5"/>
      <c r="G175" s="8" t="s">
        <v>539</v>
      </c>
      <c r="H175" s="8"/>
      <c r="I175" s="8"/>
      <c r="J175" s="8"/>
      <c r="K175" s="3"/>
    </row>
    <row r="176" spans="1:11" ht="90" customHeight="1">
      <c r="A176" s="35"/>
      <c r="B176" s="35"/>
      <c r="C176" s="54"/>
      <c r="D176" s="54"/>
      <c r="E176" s="54"/>
      <c r="F176" s="6"/>
      <c r="G176" s="8" t="s">
        <v>835</v>
      </c>
      <c r="H176" s="8"/>
      <c r="I176" s="8"/>
      <c r="J176" s="8"/>
      <c r="K176" s="3"/>
    </row>
    <row r="177" spans="1:11" ht="70.05" customHeight="1">
      <c r="A177" s="35"/>
      <c r="B177" s="35" t="s">
        <v>292</v>
      </c>
      <c r="C177" s="50" t="s">
        <v>4</v>
      </c>
      <c r="D177" s="50" t="s">
        <v>4</v>
      </c>
      <c r="E177" s="50" t="s">
        <v>4</v>
      </c>
      <c r="F177" s="5"/>
      <c r="G177" s="8" t="s">
        <v>775</v>
      </c>
      <c r="H177" s="8"/>
      <c r="I177" s="8"/>
      <c r="J177" s="8"/>
      <c r="K177" s="3"/>
    </row>
    <row r="178" spans="1:11" ht="170" customHeight="1">
      <c r="A178" s="38"/>
      <c r="B178" s="38"/>
      <c r="C178" s="55"/>
      <c r="D178" s="55"/>
      <c r="E178" s="55"/>
      <c r="F178" s="6"/>
      <c r="G178" s="17" t="s">
        <v>836</v>
      </c>
      <c r="H178" s="17"/>
      <c r="I178" s="17"/>
      <c r="J178" s="17"/>
      <c r="K178" s="3"/>
    </row>
    <row r="179" spans="1:11" ht="20" customHeight="1">
      <c r="A179" s="35" t="s">
        <v>398</v>
      </c>
      <c r="B179" s="36" t="s">
        <v>31</v>
      </c>
      <c r="C179" s="54"/>
      <c r="D179" s="54"/>
      <c r="E179" s="54"/>
      <c r="F179" s="6"/>
      <c r="G179" s="8"/>
      <c r="H179" s="8"/>
      <c r="I179" s="8"/>
      <c r="J179" s="8"/>
      <c r="K179" s="3"/>
    </row>
    <row r="180" spans="1:11" ht="102.75" customHeight="1">
      <c r="A180" s="35"/>
      <c r="B180" s="36" t="s">
        <v>414</v>
      </c>
      <c r="C180" s="50" t="s">
        <v>4</v>
      </c>
      <c r="D180" s="50" t="s">
        <v>4</v>
      </c>
      <c r="E180" s="50"/>
      <c r="F180" s="5"/>
      <c r="G180" s="8" t="s">
        <v>685</v>
      </c>
      <c r="H180" s="17" t="s">
        <v>842</v>
      </c>
      <c r="I180" s="17" t="s">
        <v>706</v>
      </c>
      <c r="J180" s="17" t="s">
        <v>32</v>
      </c>
      <c r="K180" s="3"/>
    </row>
    <row r="181" spans="1:11" ht="10.050000000000001" customHeight="1">
      <c r="A181" s="35"/>
      <c r="B181" s="36"/>
      <c r="C181" s="50"/>
      <c r="D181" s="50"/>
      <c r="E181" s="50"/>
      <c r="F181" s="12"/>
      <c r="G181" s="9"/>
      <c r="H181" s="11"/>
      <c r="I181" s="11"/>
      <c r="J181" s="10"/>
      <c r="K181" s="3"/>
    </row>
    <row r="182" spans="1:11" ht="45" customHeight="1">
      <c r="A182" s="35"/>
      <c r="B182" s="36" t="s">
        <v>431</v>
      </c>
      <c r="C182" s="50" t="s">
        <v>4</v>
      </c>
      <c r="D182" s="50" t="s">
        <v>4</v>
      </c>
      <c r="E182" s="50"/>
      <c r="F182" s="12"/>
      <c r="G182" s="102" t="s">
        <v>651</v>
      </c>
      <c r="H182" s="112"/>
      <c r="I182" s="112"/>
      <c r="J182" s="103"/>
      <c r="K182" s="3"/>
    </row>
    <row r="183" spans="1:11" ht="40.049999999999997" customHeight="1">
      <c r="A183" s="35"/>
      <c r="B183" s="36"/>
      <c r="C183" s="50"/>
      <c r="D183" s="50"/>
      <c r="E183" s="50"/>
      <c r="F183" s="12"/>
      <c r="G183" s="102"/>
      <c r="H183" s="112"/>
      <c r="I183" s="112"/>
      <c r="J183" s="103"/>
      <c r="K183" s="3"/>
    </row>
    <row r="184" spans="1:11" ht="33" customHeight="1">
      <c r="A184" s="35"/>
      <c r="B184" s="36"/>
      <c r="C184" s="50"/>
      <c r="D184" s="50"/>
      <c r="E184" s="50"/>
      <c r="F184" s="13"/>
      <c r="G184" s="102" t="s">
        <v>949</v>
      </c>
      <c r="H184" s="112"/>
      <c r="I184" s="112"/>
      <c r="J184" s="103"/>
      <c r="K184" s="3"/>
    </row>
    <row r="185" spans="1:11" ht="60" customHeight="1">
      <c r="A185" s="35"/>
      <c r="B185" s="36"/>
      <c r="C185" s="50"/>
      <c r="D185" s="50"/>
      <c r="E185" s="50"/>
      <c r="F185" s="12"/>
      <c r="G185" s="102"/>
      <c r="H185" s="112"/>
      <c r="I185" s="112"/>
      <c r="J185" s="103"/>
      <c r="K185" s="3"/>
    </row>
    <row r="186" spans="1:11" ht="16.05" customHeight="1">
      <c r="A186" s="35"/>
      <c r="B186" s="36"/>
      <c r="C186" s="50"/>
      <c r="D186" s="50"/>
      <c r="E186" s="50"/>
      <c r="F186" s="13"/>
      <c r="G186" s="109" t="s">
        <v>33</v>
      </c>
      <c r="H186" s="110"/>
      <c r="I186" s="110"/>
      <c r="J186" s="111"/>
      <c r="K186" s="3"/>
    </row>
    <row r="187" spans="1:11" ht="12" customHeight="1">
      <c r="A187" s="35"/>
      <c r="B187" s="35"/>
      <c r="C187" s="54"/>
      <c r="D187" s="54"/>
      <c r="E187" s="54"/>
      <c r="F187" s="13"/>
      <c r="G187" s="109" t="s">
        <v>478</v>
      </c>
      <c r="H187" s="110"/>
      <c r="I187" s="110"/>
      <c r="J187" s="111"/>
      <c r="K187" s="3"/>
    </row>
    <row r="188" spans="1:11" ht="12" customHeight="1">
      <c r="A188" s="35"/>
      <c r="B188" s="35"/>
      <c r="C188" s="54"/>
      <c r="D188" s="54"/>
      <c r="E188" s="54"/>
      <c r="F188" s="13"/>
      <c r="G188" s="109" t="s">
        <v>479</v>
      </c>
      <c r="H188" s="110"/>
      <c r="I188" s="110"/>
      <c r="J188" s="111"/>
      <c r="K188" s="3"/>
    </row>
    <row r="189" spans="1:11" ht="12" customHeight="1">
      <c r="A189" s="35"/>
      <c r="B189" s="35"/>
      <c r="C189" s="54"/>
      <c r="D189" s="54"/>
      <c r="E189" s="54"/>
      <c r="F189" s="13"/>
      <c r="G189" s="109" t="s">
        <v>480</v>
      </c>
      <c r="H189" s="110"/>
      <c r="I189" s="110"/>
      <c r="J189" s="111"/>
      <c r="K189" s="3"/>
    </row>
    <row r="190" spans="1:11" ht="12" customHeight="1">
      <c r="A190" s="35"/>
      <c r="B190" s="35"/>
      <c r="C190" s="54"/>
      <c r="D190" s="54"/>
      <c r="E190" s="54"/>
      <c r="F190" s="13"/>
      <c r="G190" s="109" t="s">
        <v>294</v>
      </c>
      <c r="H190" s="110"/>
      <c r="I190" s="110"/>
      <c r="J190" s="111"/>
      <c r="K190" s="3"/>
    </row>
    <row r="191" spans="1:11" ht="12" customHeight="1">
      <c r="A191" s="35"/>
      <c r="B191" s="35"/>
      <c r="C191" s="54"/>
      <c r="D191" s="54"/>
      <c r="E191" s="54"/>
      <c r="F191" s="13"/>
      <c r="G191" s="109" t="s">
        <v>295</v>
      </c>
      <c r="H191" s="110"/>
      <c r="I191" s="110"/>
      <c r="J191" s="111"/>
      <c r="K191" s="3"/>
    </row>
    <row r="192" spans="1:11" ht="12" customHeight="1">
      <c r="A192" s="35"/>
      <c r="B192" s="35"/>
      <c r="C192" s="54"/>
      <c r="D192" s="54"/>
      <c r="E192" s="54"/>
      <c r="F192" s="13"/>
      <c r="G192" s="109" t="s">
        <v>296</v>
      </c>
      <c r="H192" s="110"/>
      <c r="I192" s="110"/>
      <c r="J192" s="111"/>
      <c r="K192" s="3"/>
    </row>
    <row r="193" spans="1:11" ht="12" customHeight="1">
      <c r="A193" s="35"/>
      <c r="B193" s="35"/>
      <c r="C193" s="54"/>
      <c r="D193" s="54"/>
      <c r="E193" s="54"/>
      <c r="F193" s="13"/>
      <c r="G193" s="109" t="s">
        <v>297</v>
      </c>
      <c r="H193" s="110"/>
      <c r="I193" s="110"/>
      <c r="J193" s="111"/>
      <c r="K193" s="3"/>
    </row>
    <row r="194" spans="1:11" ht="12" customHeight="1">
      <c r="A194" s="35"/>
      <c r="B194" s="35"/>
      <c r="C194" s="54"/>
      <c r="D194" s="54"/>
      <c r="E194" s="54"/>
      <c r="F194" s="13"/>
      <c r="G194" s="109" t="s">
        <v>298</v>
      </c>
      <c r="H194" s="110"/>
      <c r="I194" s="110"/>
      <c r="J194" s="111"/>
      <c r="K194" s="3"/>
    </row>
    <row r="195" spans="1:11" ht="24" customHeight="1">
      <c r="A195" s="35"/>
      <c r="B195" s="35"/>
      <c r="C195" s="54"/>
      <c r="D195" s="54"/>
      <c r="E195" s="54"/>
      <c r="F195" s="13"/>
      <c r="G195" s="109" t="s">
        <v>776</v>
      </c>
      <c r="H195" s="110"/>
      <c r="I195" s="110"/>
      <c r="J195" s="111"/>
      <c r="K195" s="3"/>
    </row>
    <row r="196" spans="1:11" ht="13.05" customHeight="1">
      <c r="A196" s="35"/>
      <c r="B196" s="35"/>
      <c r="C196" s="54"/>
      <c r="D196" s="54"/>
      <c r="E196" s="54"/>
      <c r="F196" s="13"/>
      <c r="G196" s="109" t="s">
        <v>299</v>
      </c>
      <c r="H196" s="110"/>
      <c r="I196" s="110"/>
      <c r="J196" s="111"/>
      <c r="K196" s="3"/>
    </row>
    <row r="197" spans="1:11" ht="55.05" customHeight="1">
      <c r="A197" s="35"/>
      <c r="B197" s="35"/>
      <c r="C197" s="54"/>
      <c r="D197" s="54"/>
      <c r="E197" s="54"/>
      <c r="F197" s="13"/>
      <c r="G197" s="109" t="s">
        <v>873</v>
      </c>
      <c r="H197" s="110"/>
      <c r="I197" s="110"/>
      <c r="J197" s="111"/>
      <c r="K197" s="3"/>
    </row>
    <row r="198" spans="1:11" ht="70.05" customHeight="1">
      <c r="A198" s="35"/>
      <c r="B198" s="36" t="s">
        <v>499</v>
      </c>
      <c r="C198" s="50" t="s">
        <v>4</v>
      </c>
      <c r="D198" s="50" t="s">
        <v>4</v>
      </c>
      <c r="E198" s="50"/>
      <c r="F198" s="13"/>
      <c r="G198" s="109" t="s">
        <v>540</v>
      </c>
      <c r="H198" s="110"/>
      <c r="I198" s="110"/>
      <c r="J198" s="111"/>
      <c r="K198" s="3"/>
    </row>
    <row r="199" spans="1:11" ht="75" customHeight="1">
      <c r="A199" s="35"/>
      <c r="B199" s="36" t="s">
        <v>436</v>
      </c>
      <c r="C199" s="50" t="s">
        <v>4</v>
      </c>
      <c r="D199" s="50" t="s">
        <v>4</v>
      </c>
      <c r="E199" s="50" t="s">
        <v>4</v>
      </c>
      <c r="F199" s="13"/>
      <c r="G199" s="109" t="s">
        <v>728</v>
      </c>
      <c r="H199" s="110"/>
      <c r="I199" s="110"/>
      <c r="J199" s="111"/>
      <c r="K199" s="3"/>
    </row>
    <row r="200" spans="1:11" ht="70.05" customHeight="1">
      <c r="A200" s="35"/>
      <c r="B200" s="36" t="s">
        <v>307</v>
      </c>
      <c r="C200" s="50" t="s">
        <v>4</v>
      </c>
      <c r="D200" s="50" t="s">
        <v>4</v>
      </c>
      <c r="E200" s="50"/>
      <c r="F200" s="13"/>
      <c r="G200" s="109" t="s">
        <v>541</v>
      </c>
      <c r="H200" s="110"/>
      <c r="I200" s="110"/>
      <c r="J200" s="111"/>
      <c r="K200" s="3"/>
    </row>
    <row r="201" spans="1:11" ht="95" customHeight="1">
      <c r="A201" s="38"/>
      <c r="B201" s="37" t="s">
        <v>293</v>
      </c>
      <c r="C201" s="53" t="s">
        <v>4</v>
      </c>
      <c r="D201" s="53" t="s">
        <v>4</v>
      </c>
      <c r="E201" s="53"/>
      <c r="F201" s="13"/>
      <c r="G201" s="106"/>
      <c r="H201" s="107"/>
      <c r="I201" s="107"/>
      <c r="J201" s="108"/>
      <c r="K201" s="3"/>
    </row>
    <row r="202" spans="1:11" ht="20" customHeight="1">
      <c r="A202" s="35"/>
      <c r="B202" s="36" t="s">
        <v>34</v>
      </c>
      <c r="C202" s="54"/>
      <c r="D202" s="54"/>
      <c r="E202" s="54"/>
      <c r="F202" s="6"/>
      <c r="G202" s="8"/>
      <c r="H202" s="8"/>
      <c r="I202" s="8"/>
      <c r="J202" s="8"/>
      <c r="K202" s="3"/>
    </row>
    <row r="203" spans="1:11" ht="100.05" customHeight="1">
      <c r="A203" s="35"/>
      <c r="B203" s="36" t="s">
        <v>300</v>
      </c>
      <c r="C203" s="50" t="s">
        <v>4</v>
      </c>
      <c r="D203" s="50" t="s">
        <v>4</v>
      </c>
      <c r="E203" s="50"/>
      <c r="F203" s="5"/>
      <c r="G203" s="8" t="s">
        <v>686</v>
      </c>
      <c r="H203" s="17" t="s">
        <v>505</v>
      </c>
      <c r="I203" s="17" t="s">
        <v>36</v>
      </c>
      <c r="J203" s="8" t="s">
        <v>37</v>
      </c>
      <c r="K203" s="3"/>
    </row>
    <row r="204" spans="1:11" ht="15" customHeight="1">
      <c r="A204" s="35"/>
      <c r="B204" s="36"/>
      <c r="C204" s="50"/>
      <c r="D204" s="50"/>
      <c r="E204" s="50"/>
      <c r="F204" s="12"/>
      <c r="G204" s="9"/>
      <c r="H204" s="11"/>
      <c r="I204" s="10"/>
      <c r="J204" s="8"/>
      <c r="K204" s="3"/>
    </row>
    <row r="205" spans="1:11" ht="80" customHeight="1">
      <c r="A205" s="35"/>
      <c r="B205" s="36" t="s">
        <v>432</v>
      </c>
      <c r="C205" s="50" t="s">
        <v>4</v>
      </c>
      <c r="D205" s="50" t="s">
        <v>4</v>
      </c>
      <c r="E205" s="50"/>
      <c r="F205" s="12"/>
      <c r="G205" s="109" t="s">
        <v>542</v>
      </c>
      <c r="H205" s="110"/>
      <c r="I205" s="111"/>
      <c r="J205" s="8"/>
      <c r="K205" s="3"/>
    </row>
    <row r="206" spans="1:11" ht="160.05000000000001" customHeight="1">
      <c r="A206" s="35"/>
      <c r="B206" s="36" t="s">
        <v>301</v>
      </c>
      <c r="C206" s="50" t="s">
        <v>4</v>
      </c>
      <c r="D206" s="50" t="s">
        <v>4</v>
      </c>
      <c r="E206" s="50" t="s">
        <v>4</v>
      </c>
      <c r="F206" s="12"/>
      <c r="G206" s="109" t="s">
        <v>687</v>
      </c>
      <c r="H206" s="110"/>
      <c r="I206" s="111"/>
      <c r="J206" s="8"/>
      <c r="K206" s="3"/>
    </row>
    <row r="207" spans="1:11" ht="20" customHeight="1">
      <c r="A207" s="35" t="s">
        <v>399</v>
      </c>
      <c r="B207" s="35" t="s">
        <v>35</v>
      </c>
      <c r="C207" s="54"/>
      <c r="D207" s="54"/>
      <c r="E207" s="54"/>
      <c r="F207" s="6"/>
      <c r="G207" s="9"/>
      <c r="H207" s="20"/>
      <c r="I207" s="21"/>
      <c r="J207" s="8"/>
      <c r="K207" s="3"/>
    </row>
    <row r="208" spans="1:11" ht="90" customHeight="1">
      <c r="A208" s="35"/>
      <c r="B208" s="35" t="s">
        <v>302</v>
      </c>
      <c r="C208" s="50" t="s">
        <v>4</v>
      </c>
      <c r="D208" s="50" t="s">
        <v>4</v>
      </c>
      <c r="E208" s="50"/>
      <c r="F208" s="5"/>
      <c r="G208" s="8" t="s">
        <v>688</v>
      </c>
      <c r="H208" s="8" t="s">
        <v>38</v>
      </c>
      <c r="I208" s="8" t="s">
        <v>632</v>
      </c>
      <c r="J208" s="8" t="s">
        <v>363</v>
      </c>
      <c r="K208" s="3"/>
    </row>
    <row r="209" spans="1:11" ht="120" customHeight="1">
      <c r="A209" s="35"/>
      <c r="B209" s="35" t="s">
        <v>975</v>
      </c>
      <c r="C209" s="50" t="s">
        <v>4</v>
      </c>
      <c r="D209" s="50" t="s">
        <v>4</v>
      </c>
      <c r="E209" s="50"/>
      <c r="F209" s="5"/>
      <c r="G209" s="9" t="s">
        <v>837</v>
      </c>
      <c r="H209" s="8"/>
      <c r="I209" s="8"/>
      <c r="J209" s="8"/>
      <c r="K209" s="3"/>
    </row>
    <row r="210" spans="1:11" ht="70.05" customHeight="1">
      <c r="A210" s="35"/>
      <c r="B210" s="35" t="s">
        <v>874</v>
      </c>
      <c r="C210" s="50" t="s">
        <v>4</v>
      </c>
      <c r="D210" s="50" t="s">
        <v>4</v>
      </c>
      <c r="E210" s="50"/>
      <c r="F210" s="6"/>
      <c r="G210" s="9" t="s">
        <v>777</v>
      </c>
      <c r="H210" s="8"/>
      <c r="I210" s="8"/>
      <c r="J210" s="8"/>
      <c r="K210" s="3"/>
    </row>
    <row r="211" spans="1:11" ht="150" customHeight="1">
      <c r="A211" s="38"/>
      <c r="B211" s="38"/>
      <c r="C211" s="53"/>
      <c r="D211" s="53"/>
      <c r="E211" s="53"/>
      <c r="F211" s="5"/>
      <c r="G211" s="23" t="s">
        <v>838</v>
      </c>
      <c r="H211" s="17"/>
      <c r="I211" s="17"/>
      <c r="J211" s="17"/>
      <c r="K211" s="3"/>
    </row>
    <row r="212" spans="1:11" ht="20" customHeight="1">
      <c r="A212" s="35" t="s">
        <v>39</v>
      </c>
      <c r="B212" s="35"/>
      <c r="C212" s="54"/>
      <c r="D212" s="54"/>
      <c r="E212" s="54"/>
      <c r="F212" s="6"/>
      <c r="G212" s="8"/>
      <c r="H212" s="8"/>
      <c r="I212" s="8"/>
      <c r="J212" s="8"/>
      <c r="K212" s="3"/>
    </row>
    <row r="213" spans="1:11" ht="15" customHeight="1">
      <c r="A213" s="35" t="s">
        <v>400</v>
      </c>
      <c r="B213" s="35" t="s">
        <v>40</v>
      </c>
      <c r="C213" s="54"/>
      <c r="D213" s="54"/>
      <c r="E213" s="54"/>
      <c r="F213" s="6"/>
      <c r="G213" s="8"/>
      <c r="H213" s="8"/>
      <c r="I213" s="8"/>
      <c r="J213" s="8"/>
      <c r="K213" s="3"/>
    </row>
    <row r="214" spans="1:11" ht="120" customHeight="1">
      <c r="A214" s="35"/>
      <c r="B214" s="35" t="s">
        <v>289</v>
      </c>
      <c r="C214" s="50" t="s">
        <v>4</v>
      </c>
      <c r="D214" s="50" t="s">
        <v>4</v>
      </c>
      <c r="E214" s="50"/>
      <c r="F214" s="5"/>
      <c r="G214" s="8" t="s">
        <v>758</v>
      </c>
      <c r="H214" s="17" t="s">
        <v>843</v>
      </c>
      <c r="I214" s="17" t="s">
        <v>633</v>
      </c>
      <c r="J214" s="8" t="s">
        <v>42</v>
      </c>
      <c r="K214" s="3"/>
    </row>
    <row r="215" spans="1:11" ht="15" customHeight="1">
      <c r="A215" s="35"/>
      <c r="B215" s="35"/>
      <c r="C215" s="50"/>
      <c r="D215" s="50"/>
      <c r="E215" s="50"/>
      <c r="F215" s="5"/>
      <c r="G215" s="9"/>
      <c r="H215" s="11"/>
      <c r="I215" s="10"/>
      <c r="J215" s="8"/>
      <c r="K215" s="3"/>
    </row>
    <row r="216" spans="1:11" ht="60" customHeight="1">
      <c r="A216" s="35"/>
      <c r="B216" s="35" t="s">
        <v>429</v>
      </c>
      <c r="C216" s="50" t="s">
        <v>4</v>
      </c>
      <c r="D216" s="50" t="s">
        <v>4</v>
      </c>
      <c r="E216" s="50" t="s">
        <v>4</v>
      </c>
      <c r="F216" s="5"/>
      <c r="G216" s="109" t="s">
        <v>543</v>
      </c>
      <c r="H216" s="110"/>
      <c r="I216" s="111"/>
      <c r="J216" s="8"/>
      <c r="K216" s="3"/>
    </row>
    <row r="217" spans="1:11" ht="70.05" customHeight="1">
      <c r="A217" s="35"/>
      <c r="B217" s="35" t="s">
        <v>290</v>
      </c>
      <c r="C217" s="50" t="s">
        <v>4</v>
      </c>
      <c r="D217" s="50" t="s">
        <v>4</v>
      </c>
      <c r="E217" s="50" t="s">
        <v>4</v>
      </c>
      <c r="F217" s="6"/>
      <c r="G217" s="109" t="s">
        <v>652</v>
      </c>
      <c r="H217" s="110"/>
      <c r="I217" s="111"/>
      <c r="J217" s="8"/>
      <c r="K217" s="3"/>
    </row>
    <row r="218" spans="1:11" ht="35" customHeight="1">
      <c r="A218" s="35" t="s">
        <v>747</v>
      </c>
      <c r="B218" s="36" t="s">
        <v>41</v>
      </c>
      <c r="C218" s="54"/>
      <c r="D218" s="54"/>
      <c r="E218" s="54"/>
      <c r="F218" s="6"/>
      <c r="G218" s="9"/>
      <c r="H218" s="20"/>
      <c r="I218" s="21"/>
      <c r="J218" s="10"/>
      <c r="K218" s="3"/>
    </row>
    <row r="219" spans="1:11" ht="120" customHeight="1">
      <c r="A219" s="35"/>
      <c r="B219" s="36" t="s">
        <v>303</v>
      </c>
      <c r="C219" s="50" t="s">
        <v>4</v>
      </c>
      <c r="D219" s="50" t="s">
        <v>4</v>
      </c>
      <c r="E219" s="50"/>
      <c r="F219" s="5"/>
      <c r="G219" s="8" t="s">
        <v>544</v>
      </c>
      <c r="H219" s="17" t="s">
        <v>963</v>
      </c>
      <c r="I219" s="17" t="s">
        <v>634</v>
      </c>
      <c r="J219" s="8" t="s">
        <v>43</v>
      </c>
      <c r="K219" s="3"/>
    </row>
    <row r="220" spans="1:11" ht="20" customHeight="1">
      <c r="A220" s="35"/>
      <c r="B220" s="36"/>
      <c r="C220" s="50"/>
      <c r="D220" s="50"/>
      <c r="E220" s="50"/>
      <c r="F220" s="5"/>
      <c r="G220" s="9"/>
      <c r="H220" s="11"/>
      <c r="I220" s="10"/>
      <c r="J220" s="8"/>
      <c r="K220" s="3"/>
    </row>
    <row r="221" spans="1:11" ht="45" customHeight="1">
      <c r="A221" s="35"/>
      <c r="B221" s="36" t="s">
        <v>433</v>
      </c>
      <c r="C221" s="50" t="s">
        <v>4</v>
      </c>
      <c r="D221" s="50" t="s">
        <v>4</v>
      </c>
      <c r="E221" s="50" t="s">
        <v>4</v>
      </c>
      <c r="F221" s="5"/>
      <c r="G221" s="109" t="s">
        <v>653</v>
      </c>
      <c r="H221" s="110"/>
      <c r="I221" s="111"/>
      <c r="J221" s="8"/>
      <c r="K221" s="3"/>
    </row>
    <row r="222" spans="1:11" ht="90" customHeight="1">
      <c r="A222" s="35"/>
      <c r="B222" s="36" t="s">
        <v>763</v>
      </c>
      <c r="C222" s="54"/>
      <c r="D222" s="54"/>
      <c r="E222" s="54"/>
      <c r="F222" s="6"/>
      <c r="G222" s="109" t="s">
        <v>689</v>
      </c>
      <c r="H222" s="110"/>
      <c r="I222" s="111"/>
      <c r="J222" s="8"/>
      <c r="K222" s="3"/>
    </row>
    <row r="223" spans="1:11" ht="40.25" customHeight="1">
      <c r="A223" s="35"/>
      <c r="B223" s="36" t="s">
        <v>434</v>
      </c>
      <c r="C223" s="50" t="s">
        <v>4</v>
      </c>
      <c r="D223" s="50" t="s">
        <v>4</v>
      </c>
      <c r="E223" s="50"/>
      <c r="F223" s="5"/>
      <c r="G223" s="109" t="s">
        <v>545</v>
      </c>
      <c r="H223" s="110"/>
      <c r="I223" s="111"/>
      <c r="J223" s="8"/>
      <c r="K223" s="3"/>
    </row>
    <row r="224" spans="1:11" ht="60" customHeight="1">
      <c r="A224" s="35"/>
      <c r="B224" s="35"/>
      <c r="C224" s="54"/>
      <c r="D224" s="54"/>
      <c r="E224" s="54"/>
      <c r="F224" s="6"/>
      <c r="G224" s="109" t="s">
        <v>654</v>
      </c>
      <c r="H224" s="110"/>
      <c r="I224" s="111"/>
      <c r="J224" s="8"/>
      <c r="K224" s="3"/>
    </row>
    <row r="225" spans="1:11" ht="120" customHeight="1">
      <c r="A225" s="38"/>
      <c r="B225" s="38" t="s">
        <v>304</v>
      </c>
      <c r="C225" s="53" t="s">
        <v>4</v>
      </c>
      <c r="D225" s="53" t="s">
        <v>4</v>
      </c>
      <c r="E225" s="53" t="s">
        <v>4</v>
      </c>
      <c r="F225" s="5"/>
      <c r="G225" s="106" t="s">
        <v>305</v>
      </c>
      <c r="H225" s="107"/>
      <c r="I225" s="108"/>
      <c r="J225" s="17"/>
      <c r="K225" s="3"/>
    </row>
    <row r="226" spans="1:11" ht="20" customHeight="1">
      <c r="A226" s="35"/>
      <c r="B226" s="36" t="s">
        <v>44</v>
      </c>
      <c r="C226" s="54"/>
      <c r="D226" s="54"/>
      <c r="E226" s="54"/>
      <c r="F226" s="6"/>
      <c r="G226" s="8"/>
      <c r="H226" s="8"/>
      <c r="I226" s="8"/>
      <c r="J226" s="8"/>
      <c r="K226" s="3"/>
    </row>
    <row r="227" spans="1:11" ht="77.25" customHeight="1">
      <c r="A227" s="35"/>
      <c r="B227" s="36" t="s">
        <v>306</v>
      </c>
      <c r="C227" s="50" t="s">
        <v>4</v>
      </c>
      <c r="D227" s="50" t="s">
        <v>4</v>
      </c>
      <c r="E227" s="50"/>
      <c r="F227" s="6"/>
      <c r="G227" s="8" t="s">
        <v>690</v>
      </c>
      <c r="H227" s="17" t="s">
        <v>506</v>
      </c>
      <c r="I227" s="17" t="s">
        <v>759</v>
      </c>
      <c r="J227" s="17" t="s">
        <v>45</v>
      </c>
      <c r="K227" s="3"/>
    </row>
    <row r="228" spans="1:11" ht="10.050000000000001" customHeight="1">
      <c r="A228" s="35"/>
      <c r="B228" s="36"/>
      <c r="C228" s="50"/>
      <c r="D228" s="50"/>
      <c r="E228" s="50"/>
      <c r="F228" s="6"/>
      <c r="G228" s="9"/>
      <c r="H228" s="11"/>
      <c r="I228" s="11"/>
      <c r="J228" s="10"/>
      <c r="K228" s="3"/>
    </row>
    <row r="229" spans="1:11" ht="99.95" customHeight="1">
      <c r="A229" s="35"/>
      <c r="B229" s="36" t="s">
        <v>308</v>
      </c>
      <c r="C229" s="50" t="s">
        <v>4</v>
      </c>
      <c r="D229" s="50" t="s">
        <v>4</v>
      </c>
      <c r="E229" s="50"/>
      <c r="F229" s="6"/>
      <c r="G229" s="102" t="s">
        <v>950</v>
      </c>
      <c r="H229" s="112"/>
      <c r="I229" s="112"/>
      <c r="J229" s="103"/>
      <c r="K229" s="3"/>
    </row>
    <row r="230" spans="1:11" ht="99.95" customHeight="1">
      <c r="A230" s="35"/>
      <c r="B230" s="113" t="s">
        <v>435</v>
      </c>
      <c r="C230" s="50" t="s">
        <v>4</v>
      </c>
      <c r="D230" s="50" t="s">
        <v>4</v>
      </c>
      <c r="E230" s="50"/>
      <c r="F230" s="6"/>
      <c r="G230" s="102"/>
      <c r="H230" s="112"/>
      <c r="I230" s="112"/>
      <c r="J230" s="103"/>
      <c r="K230" s="3"/>
    </row>
    <row r="231" spans="1:11" ht="99.95" customHeight="1">
      <c r="A231" s="35"/>
      <c r="B231" s="113"/>
      <c r="C231" s="50"/>
      <c r="D231" s="50"/>
      <c r="E231" s="50"/>
      <c r="F231" s="6"/>
      <c r="G231" s="102"/>
      <c r="H231" s="112"/>
      <c r="I231" s="112"/>
      <c r="J231" s="103"/>
      <c r="K231" s="3"/>
    </row>
    <row r="232" spans="1:11" ht="9" customHeight="1">
      <c r="A232" s="35"/>
      <c r="B232" s="113"/>
      <c r="C232" s="50"/>
      <c r="D232" s="50"/>
      <c r="E232" s="50"/>
      <c r="F232" s="6"/>
      <c r="G232" s="102"/>
      <c r="H232" s="112"/>
      <c r="I232" s="112"/>
      <c r="J232" s="103"/>
      <c r="K232" s="3"/>
    </row>
    <row r="233" spans="1:11" ht="100.25" customHeight="1">
      <c r="A233" s="35"/>
      <c r="B233" s="36" t="s">
        <v>976</v>
      </c>
      <c r="C233" s="50" t="s">
        <v>4</v>
      </c>
      <c r="D233" s="50" t="s">
        <v>4</v>
      </c>
      <c r="E233" s="50"/>
      <c r="F233" s="6"/>
      <c r="G233" s="102"/>
      <c r="H233" s="112"/>
      <c r="I233" s="112"/>
      <c r="J233" s="103"/>
      <c r="K233" s="3"/>
    </row>
    <row r="234" spans="1:11" ht="65" customHeight="1">
      <c r="A234" s="35"/>
      <c r="B234" s="36" t="s">
        <v>977</v>
      </c>
      <c r="C234" s="50" t="s">
        <v>4</v>
      </c>
      <c r="D234" s="50" t="s">
        <v>4</v>
      </c>
      <c r="E234" s="50"/>
      <c r="F234" s="6"/>
      <c r="G234" s="102" t="s">
        <v>546</v>
      </c>
      <c r="H234" s="112"/>
      <c r="I234" s="112"/>
      <c r="J234" s="103"/>
      <c r="K234" s="3"/>
    </row>
    <row r="235" spans="1:11" ht="65" customHeight="1">
      <c r="A235" s="35"/>
      <c r="B235" s="36" t="s">
        <v>978</v>
      </c>
      <c r="C235" s="50" t="s">
        <v>4</v>
      </c>
      <c r="D235" s="50" t="s">
        <v>4</v>
      </c>
      <c r="E235" s="50" t="s">
        <v>4</v>
      </c>
      <c r="F235" s="6"/>
      <c r="G235" s="102" t="s">
        <v>778</v>
      </c>
      <c r="H235" s="112"/>
      <c r="I235" s="112"/>
      <c r="J235" s="103"/>
      <c r="K235" s="3"/>
    </row>
    <row r="236" spans="1:11" ht="65" customHeight="1">
      <c r="A236" s="35"/>
      <c r="B236" s="36" t="s">
        <v>979</v>
      </c>
      <c r="C236" s="50" t="s">
        <v>4</v>
      </c>
      <c r="D236" s="50" t="s">
        <v>4</v>
      </c>
      <c r="E236" s="50"/>
      <c r="F236" s="6"/>
      <c r="G236" s="102" t="s">
        <v>547</v>
      </c>
      <c r="H236" s="112"/>
      <c r="I236" s="112"/>
      <c r="J236" s="103"/>
      <c r="K236" s="3"/>
    </row>
    <row r="237" spans="1:11" ht="110" customHeight="1">
      <c r="A237" s="38"/>
      <c r="B237" s="37" t="s">
        <v>972</v>
      </c>
      <c r="C237" s="53" t="s">
        <v>4</v>
      </c>
      <c r="D237" s="53" t="s">
        <v>4</v>
      </c>
      <c r="E237" s="53"/>
      <c r="F237" s="4"/>
      <c r="G237" s="104"/>
      <c r="H237" s="118"/>
      <c r="I237" s="118"/>
      <c r="J237" s="105"/>
    </row>
    <row r="238" spans="1:11" ht="70.05" customHeight="1">
      <c r="A238" s="35"/>
      <c r="B238" s="36" t="s">
        <v>437</v>
      </c>
      <c r="C238" s="50" t="s">
        <v>4</v>
      </c>
      <c r="D238" s="50" t="s">
        <v>4</v>
      </c>
      <c r="E238" s="50"/>
      <c r="F238" s="4"/>
      <c r="G238" s="9" t="s">
        <v>548</v>
      </c>
      <c r="H238" s="8" t="s">
        <v>507</v>
      </c>
      <c r="I238" s="8" t="s">
        <v>47</v>
      </c>
      <c r="J238" s="10" t="s">
        <v>48</v>
      </c>
    </row>
    <row r="239" spans="1:11" ht="110" customHeight="1">
      <c r="A239" s="35"/>
      <c r="B239" s="36" t="s">
        <v>415</v>
      </c>
      <c r="C239" s="52"/>
      <c r="D239" s="52"/>
      <c r="E239" s="52"/>
      <c r="F239" s="4"/>
      <c r="G239" s="9" t="s">
        <v>549</v>
      </c>
      <c r="H239" s="8"/>
      <c r="I239" s="10"/>
      <c r="J239" s="8"/>
    </row>
    <row r="240" spans="1:11" ht="110" customHeight="1">
      <c r="A240" s="35"/>
      <c r="B240" s="36" t="s">
        <v>416</v>
      </c>
      <c r="C240" s="52"/>
      <c r="D240" s="52"/>
      <c r="E240" s="52"/>
      <c r="F240" s="4"/>
      <c r="G240" s="9" t="s">
        <v>691</v>
      </c>
      <c r="H240" s="8"/>
      <c r="I240" s="10"/>
      <c r="J240" s="8"/>
    </row>
    <row r="241" spans="1:10" ht="17.649999999999999">
      <c r="A241" s="35" t="s">
        <v>401</v>
      </c>
      <c r="B241" s="35" t="s">
        <v>46</v>
      </c>
      <c r="C241" s="52"/>
      <c r="D241" s="52"/>
      <c r="E241" s="52"/>
      <c r="F241" s="4"/>
      <c r="G241" s="8"/>
      <c r="H241" s="17"/>
      <c r="I241" s="17"/>
      <c r="J241" s="8"/>
    </row>
    <row r="242" spans="1:10" ht="143.25" customHeight="1">
      <c r="A242" s="35"/>
      <c r="B242" s="35" t="s">
        <v>438</v>
      </c>
      <c r="C242" s="50" t="s">
        <v>4</v>
      </c>
      <c r="D242" s="50" t="s">
        <v>4</v>
      </c>
      <c r="E242" s="50"/>
      <c r="F242" s="4"/>
      <c r="G242" s="8" t="s">
        <v>839</v>
      </c>
      <c r="H242" s="17" t="s">
        <v>49</v>
      </c>
      <c r="I242" s="17" t="s">
        <v>875</v>
      </c>
      <c r="J242" s="8" t="s">
        <v>50</v>
      </c>
    </row>
    <row r="243" spans="1:10" ht="15" customHeight="1">
      <c r="A243" s="35"/>
      <c r="B243" s="35"/>
      <c r="C243" s="50"/>
      <c r="D243" s="50"/>
      <c r="E243" s="50"/>
      <c r="F243" s="4"/>
      <c r="G243" s="9"/>
      <c r="H243" s="11"/>
      <c r="I243" s="10"/>
      <c r="J243" s="8"/>
    </row>
    <row r="244" spans="1:10" ht="50" customHeight="1">
      <c r="A244" s="35"/>
      <c r="B244" s="35"/>
      <c r="C244" s="52"/>
      <c r="D244" s="52"/>
      <c r="E244" s="52"/>
      <c r="F244" s="4"/>
      <c r="G244" s="109" t="s">
        <v>876</v>
      </c>
      <c r="H244" s="110"/>
      <c r="I244" s="111"/>
      <c r="J244" s="8"/>
    </row>
    <row r="245" spans="1:10" ht="310.05" customHeight="1">
      <c r="A245" s="38"/>
      <c r="B245" s="38"/>
      <c r="C245" s="56"/>
      <c r="D245" s="56"/>
      <c r="E245" s="56"/>
      <c r="F245" s="4"/>
      <c r="G245" s="106" t="s">
        <v>990</v>
      </c>
      <c r="H245" s="107"/>
      <c r="I245" s="108"/>
      <c r="J245" s="17"/>
    </row>
    <row r="246" spans="1:10" ht="180" customHeight="1">
      <c r="A246" s="35"/>
      <c r="B246" s="35"/>
      <c r="C246" s="52"/>
      <c r="D246" s="52"/>
      <c r="E246" s="52"/>
      <c r="F246" s="4"/>
      <c r="G246" s="109" t="s">
        <v>779</v>
      </c>
      <c r="H246" s="110"/>
      <c r="I246" s="111"/>
      <c r="J246" s="8" t="s">
        <v>50</v>
      </c>
    </row>
    <row r="247" spans="1:10" ht="240" customHeight="1">
      <c r="A247" s="35"/>
      <c r="B247" s="35"/>
      <c r="C247" s="52"/>
      <c r="D247" s="52"/>
      <c r="E247" s="52"/>
      <c r="F247" s="4"/>
      <c r="G247" s="109" t="s">
        <v>780</v>
      </c>
      <c r="H247" s="110"/>
      <c r="I247" s="111"/>
      <c r="J247" s="8"/>
    </row>
    <row r="248" spans="1:10" ht="20" customHeight="1">
      <c r="A248" s="35"/>
      <c r="B248" s="35" t="s">
        <v>51</v>
      </c>
      <c r="C248" s="52"/>
      <c r="D248" s="52"/>
      <c r="E248" s="52"/>
      <c r="F248" s="4"/>
      <c r="G248" s="9"/>
      <c r="H248" s="20"/>
      <c r="I248" s="21"/>
      <c r="J248" s="8"/>
    </row>
    <row r="249" spans="1:10" ht="180" customHeight="1">
      <c r="A249" s="35"/>
      <c r="B249" s="35" t="s">
        <v>439</v>
      </c>
      <c r="C249" s="50" t="s">
        <v>4</v>
      </c>
      <c r="D249" s="50" t="s">
        <v>4</v>
      </c>
      <c r="E249" s="50"/>
      <c r="F249" s="4"/>
      <c r="G249" s="8" t="s">
        <v>781</v>
      </c>
      <c r="H249" s="8" t="s">
        <v>52</v>
      </c>
      <c r="I249" s="8" t="s">
        <v>635</v>
      </c>
      <c r="J249" s="8" t="s">
        <v>729</v>
      </c>
    </row>
    <row r="250" spans="1:10" ht="200" customHeight="1">
      <c r="A250" s="38"/>
      <c r="B250" s="38" t="s">
        <v>309</v>
      </c>
      <c r="C250" s="53" t="s">
        <v>4</v>
      </c>
      <c r="D250" s="53" t="s">
        <v>4</v>
      </c>
      <c r="E250" s="53"/>
      <c r="F250" s="4"/>
      <c r="G250" s="17" t="s">
        <v>655</v>
      </c>
      <c r="H250" s="17"/>
      <c r="I250" s="17"/>
      <c r="J250" s="17"/>
    </row>
    <row r="251" spans="1:10" ht="18" customHeight="1">
      <c r="A251" s="35" t="s">
        <v>53</v>
      </c>
      <c r="B251" s="35"/>
      <c r="C251" s="52"/>
      <c r="D251" s="52"/>
      <c r="E251" s="52"/>
      <c r="F251" s="4"/>
      <c r="G251" s="8"/>
      <c r="H251" s="8"/>
      <c r="I251" s="8"/>
      <c r="J251" s="8"/>
    </row>
    <row r="252" spans="1:10" ht="18" customHeight="1">
      <c r="A252" s="35" t="s">
        <v>402</v>
      </c>
      <c r="B252" s="36" t="s">
        <v>54</v>
      </c>
      <c r="C252" s="52"/>
      <c r="D252" s="52"/>
      <c r="E252" s="52"/>
      <c r="F252" s="4"/>
      <c r="G252" s="8"/>
      <c r="H252" s="8"/>
      <c r="I252" s="8"/>
      <c r="J252" s="8"/>
    </row>
    <row r="253" spans="1:10" ht="100.05" customHeight="1">
      <c r="A253" s="35"/>
      <c r="B253" s="36" t="s">
        <v>310</v>
      </c>
      <c r="C253" s="50" t="s">
        <v>4</v>
      </c>
      <c r="D253" s="50" t="s">
        <v>4</v>
      </c>
      <c r="E253" s="50"/>
      <c r="F253" s="4"/>
      <c r="G253" s="8" t="s">
        <v>656</v>
      </c>
      <c r="H253" s="17" t="s">
        <v>508</v>
      </c>
      <c r="I253" s="17" t="s">
        <v>707</v>
      </c>
      <c r="J253" s="8" t="s">
        <v>56</v>
      </c>
    </row>
    <row r="254" spans="1:10" ht="10.050000000000001" customHeight="1">
      <c r="A254" s="35"/>
      <c r="B254" s="36"/>
      <c r="C254" s="50"/>
      <c r="D254" s="50"/>
      <c r="E254" s="50"/>
      <c r="F254" s="4"/>
      <c r="G254" s="9"/>
      <c r="H254" s="11"/>
      <c r="I254" s="10"/>
      <c r="J254" s="8"/>
    </row>
    <row r="255" spans="1:10" ht="45" customHeight="1">
      <c r="A255" s="35"/>
      <c r="B255" s="36" t="s">
        <v>311</v>
      </c>
      <c r="C255" s="50" t="s">
        <v>4</v>
      </c>
      <c r="D255" s="50" t="s">
        <v>4</v>
      </c>
      <c r="E255" s="50"/>
      <c r="F255" s="4"/>
      <c r="G255" s="109" t="s">
        <v>692</v>
      </c>
      <c r="H255" s="110"/>
      <c r="I255" s="111"/>
      <c r="J255" s="8"/>
    </row>
    <row r="256" spans="1:10" ht="60" customHeight="1">
      <c r="A256" s="35"/>
      <c r="B256" s="36" t="s">
        <v>312</v>
      </c>
      <c r="C256" s="50" t="s">
        <v>4</v>
      </c>
      <c r="D256" s="50" t="s">
        <v>4</v>
      </c>
      <c r="E256" s="50"/>
      <c r="F256" s="4"/>
      <c r="G256" s="109" t="s">
        <v>782</v>
      </c>
      <c r="H256" s="110"/>
      <c r="I256" s="111"/>
      <c r="J256" s="8"/>
    </row>
    <row r="257" spans="1:10" ht="60" customHeight="1">
      <c r="A257" s="35"/>
      <c r="B257" s="36" t="s">
        <v>313</v>
      </c>
      <c r="C257" s="50" t="s">
        <v>4</v>
      </c>
      <c r="D257" s="50" t="s">
        <v>4</v>
      </c>
      <c r="E257" s="50" t="s">
        <v>4</v>
      </c>
      <c r="F257" s="4"/>
      <c r="G257" s="109" t="s">
        <v>783</v>
      </c>
      <c r="H257" s="110"/>
      <c r="I257" s="111"/>
      <c r="J257" s="8"/>
    </row>
    <row r="258" spans="1:10" ht="20" customHeight="1">
      <c r="A258" s="35"/>
      <c r="B258" s="35" t="s">
        <v>55</v>
      </c>
      <c r="C258" s="52"/>
      <c r="D258" s="52"/>
      <c r="E258" s="52"/>
      <c r="F258" s="4"/>
      <c r="G258" s="9"/>
      <c r="H258" s="20"/>
      <c r="I258" s="21"/>
      <c r="J258" s="8"/>
    </row>
    <row r="259" spans="1:10" ht="94.5">
      <c r="A259" s="35"/>
      <c r="B259" s="35" t="s">
        <v>314</v>
      </c>
      <c r="C259" s="50" t="s">
        <v>4</v>
      </c>
      <c r="D259" s="50" t="s">
        <v>4</v>
      </c>
      <c r="E259" s="50"/>
      <c r="F259" s="4"/>
      <c r="G259" s="8" t="s">
        <v>877</v>
      </c>
      <c r="H259" s="17" t="s">
        <v>962</v>
      </c>
      <c r="I259" s="17" t="s">
        <v>636</v>
      </c>
      <c r="J259" s="8" t="s">
        <v>364</v>
      </c>
    </row>
    <row r="260" spans="1:10" ht="10.050000000000001" customHeight="1">
      <c r="A260" s="35"/>
      <c r="B260" s="35"/>
      <c r="C260" s="50"/>
      <c r="D260" s="50"/>
      <c r="E260" s="50"/>
      <c r="F260" s="4"/>
      <c r="G260" s="9"/>
      <c r="H260" s="11"/>
      <c r="I260" s="10"/>
      <c r="J260" s="8"/>
    </row>
    <row r="261" spans="1:10" ht="120" customHeight="1">
      <c r="A261" s="35"/>
      <c r="B261" s="35" t="s">
        <v>285</v>
      </c>
      <c r="C261" s="50" t="s">
        <v>4</v>
      </c>
      <c r="D261" s="50" t="s">
        <v>4</v>
      </c>
      <c r="E261" s="50"/>
      <c r="F261" s="4"/>
      <c r="G261" s="109" t="s">
        <v>317</v>
      </c>
      <c r="H261" s="110"/>
      <c r="I261" s="111"/>
      <c r="J261" s="8"/>
    </row>
    <row r="262" spans="1:10" ht="80" customHeight="1">
      <c r="A262" s="35"/>
      <c r="B262" s="36" t="s">
        <v>440</v>
      </c>
      <c r="C262" s="50" t="s">
        <v>4</v>
      </c>
      <c r="D262" s="50" t="s">
        <v>4</v>
      </c>
      <c r="E262" s="50"/>
      <c r="F262" s="4"/>
      <c r="G262" s="109" t="s">
        <v>878</v>
      </c>
      <c r="H262" s="110"/>
      <c r="I262" s="111"/>
      <c r="J262" s="10"/>
    </row>
    <row r="263" spans="1:10" ht="40.5" customHeight="1">
      <c r="A263" s="35"/>
      <c r="B263" s="35" t="s">
        <v>315</v>
      </c>
      <c r="C263" s="50" t="s">
        <v>4</v>
      </c>
      <c r="D263" s="50" t="s">
        <v>4</v>
      </c>
      <c r="E263" s="50"/>
      <c r="F263" s="4"/>
      <c r="G263" s="109" t="s">
        <v>657</v>
      </c>
      <c r="H263" s="110"/>
      <c r="I263" s="111"/>
      <c r="J263" s="8"/>
    </row>
    <row r="264" spans="1:10" ht="35" customHeight="1">
      <c r="A264" s="35"/>
      <c r="B264" s="35" t="s">
        <v>316</v>
      </c>
      <c r="C264" s="50" t="s">
        <v>4</v>
      </c>
      <c r="D264" s="50" t="s">
        <v>4</v>
      </c>
      <c r="E264" s="50"/>
      <c r="F264" s="4"/>
      <c r="G264" s="109" t="s">
        <v>658</v>
      </c>
      <c r="H264" s="110"/>
      <c r="I264" s="111"/>
      <c r="J264" s="8"/>
    </row>
    <row r="265" spans="1:10" ht="120" customHeight="1">
      <c r="A265" s="38"/>
      <c r="B265" s="96" t="s">
        <v>941</v>
      </c>
      <c r="C265" s="53" t="s">
        <v>4</v>
      </c>
      <c r="D265" s="53" t="s">
        <v>4</v>
      </c>
      <c r="E265" s="53" t="s">
        <v>4</v>
      </c>
      <c r="F265" s="4"/>
      <c r="G265" s="106" t="s">
        <v>730</v>
      </c>
      <c r="H265" s="107"/>
      <c r="I265" s="108"/>
      <c r="J265" s="17"/>
    </row>
    <row r="266" spans="1:10" ht="20" customHeight="1">
      <c r="A266" s="35"/>
      <c r="B266" s="35" t="s">
        <v>57</v>
      </c>
      <c r="C266" s="52"/>
      <c r="D266" s="52"/>
      <c r="E266" s="52"/>
      <c r="F266" s="4"/>
      <c r="G266" s="8"/>
      <c r="H266" s="8"/>
      <c r="I266" s="8"/>
      <c r="J266" s="8"/>
    </row>
    <row r="267" spans="1:10" ht="94.5" customHeight="1">
      <c r="A267" s="35"/>
      <c r="B267" s="35" t="s">
        <v>318</v>
      </c>
      <c r="C267" s="50" t="s">
        <v>4</v>
      </c>
      <c r="D267" s="50" t="s">
        <v>4</v>
      </c>
      <c r="E267" s="50"/>
      <c r="F267" s="4"/>
      <c r="G267" s="8" t="s">
        <v>550</v>
      </c>
      <c r="H267" s="17" t="s">
        <v>509</v>
      </c>
      <c r="I267" s="17" t="s">
        <v>59</v>
      </c>
      <c r="J267" s="8" t="s">
        <v>60</v>
      </c>
    </row>
    <row r="268" spans="1:10" ht="10.050000000000001" customHeight="1">
      <c r="A268" s="35"/>
      <c r="B268" s="35"/>
      <c r="C268" s="50"/>
      <c r="D268" s="50"/>
      <c r="E268" s="50"/>
      <c r="F268" s="4"/>
      <c r="G268" s="9"/>
      <c r="H268" s="11"/>
      <c r="I268" s="10"/>
      <c r="J268" s="8"/>
    </row>
    <row r="269" spans="1:10" ht="142.5" customHeight="1">
      <c r="A269" s="35"/>
      <c r="B269" s="35" t="s">
        <v>396</v>
      </c>
      <c r="C269" s="50" t="s">
        <v>4</v>
      </c>
      <c r="D269" s="50" t="s">
        <v>4</v>
      </c>
      <c r="E269" s="50"/>
      <c r="F269" s="4"/>
      <c r="G269" s="109" t="s">
        <v>879</v>
      </c>
      <c r="H269" s="110"/>
      <c r="I269" s="111"/>
      <c r="J269" s="8"/>
    </row>
    <row r="270" spans="1:10" ht="145.05000000000001" customHeight="1">
      <c r="A270" s="35"/>
      <c r="B270" s="35" t="s">
        <v>441</v>
      </c>
      <c r="C270" s="50" t="s">
        <v>4</v>
      </c>
      <c r="D270" s="50" t="s">
        <v>4</v>
      </c>
      <c r="E270" s="50" t="s">
        <v>4</v>
      </c>
      <c r="F270" s="4"/>
      <c r="G270" s="109" t="s">
        <v>551</v>
      </c>
      <c r="H270" s="110"/>
      <c r="I270" s="111"/>
      <c r="J270" s="8"/>
    </row>
    <row r="271" spans="1:10" ht="75" customHeight="1">
      <c r="A271" s="35"/>
      <c r="B271" s="35" t="s">
        <v>58</v>
      </c>
      <c r="C271" s="52"/>
      <c r="D271" s="52"/>
      <c r="E271" s="52"/>
      <c r="F271" s="4"/>
      <c r="G271" s="8" t="s">
        <v>880</v>
      </c>
      <c r="H271" s="14" t="s">
        <v>38</v>
      </c>
      <c r="I271" s="14" t="s">
        <v>61</v>
      </c>
      <c r="J271" s="8" t="s">
        <v>62</v>
      </c>
    </row>
    <row r="272" spans="1:10" ht="10.050000000000001" customHeight="1">
      <c r="A272" s="35"/>
      <c r="B272" s="35"/>
      <c r="C272" s="52"/>
      <c r="D272" s="52"/>
      <c r="E272" s="52"/>
      <c r="F272" s="4"/>
      <c r="G272" s="9"/>
      <c r="H272" s="11"/>
      <c r="I272" s="10"/>
      <c r="J272" s="8"/>
    </row>
    <row r="273" spans="1:10" ht="20" customHeight="1">
      <c r="A273" s="35"/>
      <c r="B273" s="35" t="s">
        <v>76</v>
      </c>
      <c r="C273" s="50" t="s">
        <v>4</v>
      </c>
      <c r="D273" s="50" t="s">
        <v>4</v>
      </c>
      <c r="E273" s="50"/>
      <c r="F273" s="4"/>
      <c r="G273" s="109" t="s">
        <v>881</v>
      </c>
      <c r="H273" s="110"/>
      <c r="I273" s="111"/>
      <c r="J273" s="8"/>
    </row>
    <row r="274" spans="1:10" ht="15" customHeight="1">
      <c r="A274" s="35"/>
      <c r="B274" s="35"/>
      <c r="C274" s="52"/>
      <c r="D274" s="52"/>
      <c r="E274" s="52"/>
      <c r="F274" s="4"/>
      <c r="G274" s="109"/>
      <c r="H274" s="110"/>
      <c r="I274" s="111"/>
      <c r="J274" s="8"/>
    </row>
    <row r="275" spans="1:10" ht="18" customHeight="1">
      <c r="A275" s="35"/>
      <c r="B275" s="97" t="s">
        <v>951</v>
      </c>
      <c r="C275" s="52"/>
      <c r="D275" s="52"/>
      <c r="E275" s="52"/>
      <c r="F275" s="4"/>
      <c r="G275" s="109"/>
      <c r="H275" s="110"/>
      <c r="I275" s="111"/>
      <c r="J275" s="8"/>
    </row>
    <row r="276" spans="1:10" ht="25.05" customHeight="1">
      <c r="A276" s="35"/>
      <c r="B276" s="92" t="s">
        <v>840</v>
      </c>
      <c r="C276" s="52"/>
      <c r="D276" s="52"/>
      <c r="E276" s="52"/>
      <c r="F276" s="4"/>
      <c r="G276" s="109"/>
      <c r="H276" s="110"/>
      <c r="I276" s="111"/>
      <c r="J276" s="8"/>
    </row>
    <row r="277" spans="1:10" ht="25.05" customHeight="1">
      <c r="A277" s="35"/>
      <c r="B277" s="92" t="s">
        <v>840</v>
      </c>
      <c r="C277" s="52"/>
      <c r="D277" s="52"/>
      <c r="E277" s="52"/>
      <c r="F277" s="4"/>
      <c r="G277" s="109"/>
      <c r="H277" s="110"/>
      <c r="I277" s="111"/>
      <c r="J277" s="8"/>
    </row>
    <row r="278" spans="1:10" ht="25.05" customHeight="1">
      <c r="A278" s="35"/>
      <c r="B278" s="92" t="s">
        <v>840</v>
      </c>
      <c r="C278" s="52"/>
      <c r="D278" s="52"/>
      <c r="E278" s="52"/>
      <c r="F278" s="4"/>
      <c r="G278" s="109"/>
      <c r="H278" s="110"/>
      <c r="I278" s="111"/>
      <c r="J278" s="8"/>
    </row>
    <row r="279" spans="1:10" ht="25.05" customHeight="1">
      <c r="A279" s="35"/>
      <c r="B279" s="92" t="s">
        <v>840</v>
      </c>
      <c r="C279" s="52"/>
      <c r="D279" s="52"/>
      <c r="E279" s="52"/>
      <c r="F279" s="4"/>
      <c r="G279" s="109"/>
      <c r="H279" s="110"/>
      <c r="I279" s="111"/>
      <c r="J279" s="8"/>
    </row>
    <row r="280" spans="1:10" ht="185" customHeight="1">
      <c r="A280" s="38"/>
      <c r="B280" s="38"/>
      <c r="C280" s="56"/>
      <c r="D280" s="56"/>
      <c r="E280" s="56"/>
      <c r="F280" s="4"/>
      <c r="G280" s="106"/>
      <c r="H280" s="107"/>
      <c r="I280" s="108"/>
      <c r="J280" s="17"/>
    </row>
    <row r="281" spans="1:10" ht="20" customHeight="1">
      <c r="A281" s="35" t="s">
        <v>403</v>
      </c>
      <c r="B281" s="36" t="s">
        <v>63</v>
      </c>
      <c r="C281" s="52"/>
      <c r="D281" s="52"/>
      <c r="E281" s="52"/>
      <c r="F281" s="4"/>
      <c r="G281" s="8"/>
      <c r="H281" s="8"/>
      <c r="I281" s="8"/>
      <c r="J281" s="8"/>
    </row>
    <row r="282" spans="1:10" ht="55.05" customHeight="1">
      <c r="A282" s="35"/>
      <c r="B282" s="36" t="s">
        <v>319</v>
      </c>
      <c r="C282" s="50" t="s">
        <v>4</v>
      </c>
      <c r="D282" s="50" t="s">
        <v>4</v>
      </c>
      <c r="E282" s="50"/>
      <c r="F282" s="4"/>
      <c r="G282" s="8" t="s">
        <v>552</v>
      </c>
      <c r="H282" s="17" t="s">
        <v>510</v>
      </c>
      <c r="I282" s="17" t="s">
        <v>249</v>
      </c>
      <c r="J282" s="8" t="s">
        <v>65</v>
      </c>
    </row>
    <row r="283" spans="1:10" ht="10.050000000000001" customHeight="1">
      <c r="A283" s="35"/>
      <c r="B283" s="36"/>
      <c r="C283" s="50"/>
      <c r="D283" s="50"/>
      <c r="E283" s="50"/>
      <c r="F283" s="4"/>
      <c r="G283" s="9"/>
      <c r="H283" s="11"/>
      <c r="I283" s="11"/>
      <c r="J283" s="8"/>
    </row>
    <row r="284" spans="1:10" ht="150" customHeight="1">
      <c r="A284" s="35"/>
      <c r="B284" s="93" t="s">
        <v>942</v>
      </c>
      <c r="C284" s="50" t="s">
        <v>4</v>
      </c>
      <c r="D284" s="50" t="s">
        <v>4</v>
      </c>
      <c r="E284" s="50"/>
      <c r="F284" s="4"/>
      <c r="G284" s="109" t="s">
        <v>693</v>
      </c>
      <c r="H284" s="110"/>
      <c r="I284" s="110"/>
      <c r="J284" s="8"/>
    </row>
    <row r="285" spans="1:10" ht="130.05000000000001" customHeight="1">
      <c r="A285" s="35"/>
      <c r="B285" s="36" t="s">
        <v>320</v>
      </c>
      <c r="C285" s="50" t="s">
        <v>4</v>
      </c>
      <c r="D285" s="50" t="s">
        <v>4</v>
      </c>
      <c r="E285" s="50" t="s">
        <v>4</v>
      </c>
      <c r="F285" s="4"/>
      <c r="G285" s="109"/>
      <c r="H285" s="110"/>
      <c r="I285" s="110"/>
      <c r="J285" s="8"/>
    </row>
    <row r="286" spans="1:10" ht="88.05" customHeight="1">
      <c r="A286" s="35"/>
      <c r="B286" s="36" t="s">
        <v>442</v>
      </c>
      <c r="C286" s="50" t="s">
        <v>4</v>
      </c>
      <c r="D286" s="50" t="s">
        <v>4</v>
      </c>
      <c r="E286" s="50"/>
      <c r="F286" s="4"/>
      <c r="G286" s="109" t="s">
        <v>733</v>
      </c>
      <c r="H286" s="110"/>
      <c r="I286" s="110"/>
      <c r="J286" s="8"/>
    </row>
    <row r="287" spans="1:10" ht="60" customHeight="1">
      <c r="A287" s="35"/>
      <c r="B287" s="35"/>
      <c r="C287" s="52"/>
      <c r="D287" s="52"/>
      <c r="E287" s="52"/>
      <c r="F287" s="4"/>
      <c r="G287" s="109" t="s">
        <v>659</v>
      </c>
      <c r="H287" s="110"/>
      <c r="I287" s="110"/>
      <c r="J287" s="8"/>
    </row>
    <row r="288" spans="1:10" ht="70.05" customHeight="1">
      <c r="A288" s="35"/>
      <c r="B288" s="35"/>
      <c r="C288" s="50"/>
      <c r="D288" s="50"/>
      <c r="E288" s="50"/>
      <c r="F288" s="4"/>
      <c r="G288" s="109" t="s">
        <v>732</v>
      </c>
      <c r="H288" s="110"/>
      <c r="I288" s="110"/>
      <c r="J288" s="8"/>
    </row>
    <row r="289" spans="1:10" ht="48" customHeight="1">
      <c r="A289" s="35"/>
      <c r="B289" s="35"/>
      <c r="C289" s="52"/>
      <c r="D289" s="52"/>
      <c r="E289" s="52"/>
      <c r="F289" s="4"/>
      <c r="G289" s="109" t="s">
        <v>694</v>
      </c>
      <c r="H289" s="110"/>
      <c r="I289" s="110"/>
      <c r="J289" s="8"/>
    </row>
    <row r="290" spans="1:10" ht="25.05" customHeight="1">
      <c r="A290" s="100" t="s">
        <v>934</v>
      </c>
      <c r="B290" s="35" t="s">
        <v>64</v>
      </c>
      <c r="C290" s="52"/>
      <c r="D290" s="52"/>
      <c r="E290" s="52"/>
      <c r="F290" s="4"/>
      <c r="G290" s="9"/>
      <c r="H290" s="20"/>
      <c r="I290" s="21"/>
      <c r="J290" s="8"/>
    </row>
    <row r="291" spans="1:10" ht="105">
      <c r="A291" s="100"/>
      <c r="B291" s="35" t="s">
        <v>75</v>
      </c>
      <c r="C291" s="50" t="s">
        <v>4</v>
      </c>
      <c r="D291" s="50" t="s">
        <v>4</v>
      </c>
      <c r="E291" s="50" t="s">
        <v>4</v>
      </c>
      <c r="F291" s="4"/>
      <c r="G291" s="8" t="s">
        <v>731</v>
      </c>
      <c r="H291" s="17" t="s">
        <v>844</v>
      </c>
      <c r="I291" s="17" t="s">
        <v>66</v>
      </c>
      <c r="J291" s="8" t="s">
        <v>67</v>
      </c>
    </row>
    <row r="292" spans="1:10" ht="10.050000000000001" customHeight="1">
      <c r="A292" s="35"/>
      <c r="B292" s="35"/>
      <c r="C292" s="50"/>
      <c r="D292" s="50"/>
      <c r="E292" s="50"/>
      <c r="F292" s="4"/>
      <c r="G292" s="9"/>
      <c r="H292" s="19"/>
      <c r="I292" s="30"/>
      <c r="J292" s="8"/>
    </row>
    <row r="293" spans="1:10" ht="50" customHeight="1">
      <c r="A293" s="38"/>
      <c r="B293" s="38"/>
      <c r="C293" s="56"/>
      <c r="D293" s="56"/>
      <c r="E293" s="56"/>
      <c r="F293" s="4"/>
      <c r="G293" s="106" t="s">
        <v>553</v>
      </c>
      <c r="H293" s="107"/>
      <c r="I293" s="108"/>
      <c r="J293" s="17"/>
    </row>
    <row r="294" spans="1:10" ht="18" customHeight="1">
      <c r="A294" s="35" t="s">
        <v>68</v>
      </c>
      <c r="B294" s="35" t="s">
        <v>69</v>
      </c>
      <c r="C294" s="52"/>
      <c r="D294" s="52"/>
      <c r="E294" s="52"/>
      <c r="F294" s="4"/>
      <c r="G294" s="8"/>
      <c r="H294" s="8"/>
      <c r="I294" s="8"/>
      <c r="J294" s="8"/>
    </row>
    <row r="295" spans="1:10" ht="52.5">
      <c r="A295" s="35"/>
      <c r="B295" s="35" t="s">
        <v>321</v>
      </c>
      <c r="C295" s="50" t="s">
        <v>4</v>
      </c>
      <c r="D295" s="50" t="s">
        <v>4</v>
      </c>
      <c r="E295" s="50" t="s">
        <v>4</v>
      </c>
      <c r="F295" s="4"/>
      <c r="G295" s="8" t="s">
        <v>554</v>
      </c>
      <c r="H295" s="17" t="s">
        <v>511</v>
      </c>
      <c r="I295" s="17" t="s">
        <v>71</v>
      </c>
      <c r="J295" s="8" t="s">
        <v>72</v>
      </c>
    </row>
    <row r="296" spans="1:10" ht="10.050000000000001" customHeight="1">
      <c r="A296" s="35"/>
      <c r="B296" s="35"/>
      <c r="C296" s="50"/>
      <c r="D296" s="50"/>
      <c r="E296" s="50"/>
      <c r="F296" s="4"/>
      <c r="G296" s="9"/>
      <c r="H296" s="11"/>
      <c r="I296" s="10"/>
      <c r="J296" s="8"/>
    </row>
    <row r="297" spans="1:10" ht="40.049999999999997" customHeight="1">
      <c r="A297" s="35"/>
      <c r="B297" s="35" t="s">
        <v>322</v>
      </c>
      <c r="C297" s="50" t="s">
        <v>4</v>
      </c>
      <c r="D297" s="50" t="s">
        <v>4</v>
      </c>
      <c r="E297" s="50" t="s">
        <v>4</v>
      </c>
      <c r="F297" s="4"/>
      <c r="G297" s="109" t="s">
        <v>784</v>
      </c>
      <c r="H297" s="110"/>
      <c r="I297" s="111"/>
      <c r="J297" s="8"/>
    </row>
    <row r="298" spans="1:10" ht="100.05" customHeight="1">
      <c r="A298" s="35"/>
      <c r="B298" s="35" t="s">
        <v>323</v>
      </c>
      <c r="C298" s="50" t="s">
        <v>4</v>
      </c>
      <c r="D298" s="50" t="s">
        <v>4</v>
      </c>
      <c r="E298" s="50" t="s">
        <v>4</v>
      </c>
      <c r="F298" s="6"/>
      <c r="G298" s="109" t="s">
        <v>785</v>
      </c>
      <c r="H298" s="110"/>
      <c r="I298" s="111"/>
      <c r="J298" s="8"/>
    </row>
    <row r="299" spans="1:10" ht="20" customHeight="1">
      <c r="A299" s="35"/>
      <c r="B299" s="35" t="s">
        <v>70</v>
      </c>
      <c r="C299" s="54"/>
      <c r="D299" s="54"/>
      <c r="E299" s="54"/>
      <c r="F299" s="6"/>
      <c r="G299" s="9"/>
      <c r="H299" s="20"/>
      <c r="I299" s="21"/>
      <c r="J299" s="8"/>
    </row>
    <row r="300" spans="1:10" ht="100.05" customHeight="1">
      <c r="A300" s="35"/>
      <c r="B300" s="35" t="s">
        <v>74</v>
      </c>
      <c r="C300" s="50" t="s">
        <v>4</v>
      </c>
      <c r="D300" s="50" t="s">
        <v>4</v>
      </c>
      <c r="E300" s="50" t="s">
        <v>4</v>
      </c>
      <c r="F300" s="6"/>
      <c r="G300" s="8" t="s">
        <v>555</v>
      </c>
      <c r="H300" s="17" t="s">
        <v>512</v>
      </c>
      <c r="I300" s="17" t="s">
        <v>882</v>
      </c>
      <c r="J300" s="8" t="s">
        <v>73</v>
      </c>
    </row>
    <row r="301" spans="1:10" ht="10.050000000000001" customHeight="1">
      <c r="A301" s="35"/>
      <c r="B301" s="35"/>
      <c r="C301" s="50"/>
      <c r="D301" s="50"/>
      <c r="E301" s="50"/>
      <c r="F301" s="6"/>
      <c r="G301" s="9"/>
      <c r="H301" s="11"/>
      <c r="I301" s="10"/>
      <c r="J301" s="10"/>
    </row>
    <row r="302" spans="1:10" ht="145.05000000000001" customHeight="1">
      <c r="A302" s="35"/>
      <c r="B302" s="35"/>
      <c r="C302" s="54"/>
      <c r="D302" s="54"/>
      <c r="E302" s="54"/>
      <c r="F302" s="6"/>
      <c r="G302" s="109" t="s">
        <v>786</v>
      </c>
      <c r="H302" s="110"/>
      <c r="I302" s="111"/>
      <c r="J302" s="10"/>
    </row>
    <row r="303" spans="1:10" ht="78" customHeight="1">
      <c r="A303" s="35"/>
      <c r="B303" s="35"/>
      <c r="C303" s="54"/>
      <c r="D303" s="54"/>
      <c r="E303" s="54"/>
      <c r="F303" s="6"/>
      <c r="G303" s="109" t="s">
        <v>883</v>
      </c>
      <c r="H303" s="110"/>
      <c r="I303" s="111"/>
      <c r="J303" s="8"/>
    </row>
    <row r="304" spans="1:10" ht="15" customHeight="1">
      <c r="A304" s="35"/>
      <c r="B304" s="35" t="s">
        <v>325</v>
      </c>
      <c r="C304" s="54"/>
      <c r="D304" s="54"/>
      <c r="E304" s="54"/>
      <c r="F304" s="6"/>
      <c r="G304" s="9"/>
      <c r="H304" s="20"/>
      <c r="I304" s="21"/>
      <c r="J304" s="8"/>
    </row>
    <row r="305" spans="1:10" ht="73.5">
      <c r="A305" s="35"/>
      <c r="B305" s="35" t="s">
        <v>326</v>
      </c>
      <c r="C305" s="50" t="s">
        <v>4</v>
      </c>
      <c r="D305" s="50" t="s">
        <v>4</v>
      </c>
      <c r="E305" s="50" t="s">
        <v>4</v>
      </c>
      <c r="F305" s="6"/>
      <c r="G305" s="8" t="s">
        <v>884</v>
      </c>
      <c r="H305" s="17" t="s">
        <v>513</v>
      </c>
      <c r="I305" s="17" t="s">
        <v>637</v>
      </c>
      <c r="J305" s="8" t="s">
        <v>78</v>
      </c>
    </row>
    <row r="306" spans="1:10" ht="5" customHeight="1">
      <c r="A306" s="35"/>
      <c r="B306" s="35"/>
      <c r="C306" s="50"/>
      <c r="D306" s="50"/>
      <c r="E306" s="50"/>
      <c r="F306" s="6"/>
      <c r="G306" s="9"/>
      <c r="H306" s="19"/>
      <c r="I306" s="30"/>
      <c r="J306" s="8"/>
    </row>
    <row r="307" spans="1:10" ht="45" customHeight="1">
      <c r="A307" s="35"/>
      <c r="B307" s="35" t="s">
        <v>443</v>
      </c>
      <c r="C307" s="50" t="s">
        <v>4</v>
      </c>
      <c r="D307" s="50" t="s">
        <v>4</v>
      </c>
      <c r="E307" s="50" t="s">
        <v>4</v>
      </c>
      <c r="F307" s="6"/>
      <c r="G307" s="9" t="s">
        <v>324</v>
      </c>
      <c r="H307" s="110" t="s">
        <v>660</v>
      </c>
      <c r="I307" s="111"/>
      <c r="J307" s="8"/>
    </row>
    <row r="308" spans="1:10" ht="110" customHeight="1">
      <c r="A308" s="38"/>
      <c r="B308" s="38"/>
      <c r="C308" s="55"/>
      <c r="D308" s="55"/>
      <c r="E308" s="55"/>
      <c r="F308" s="6"/>
      <c r="G308" s="23" t="s">
        <v>556</v>
      </c>
      <c r="H308" s="107"/>
      <c r="I308" s="108"/>
      <c r="J308" s="17"/>
    </row>
    <row r="309" spans="1:10" ht="150" customHeight="1">
      <c r="A309" s="35" t="s">
        <v>936</v>
      </c>
      <c r="B309" s="35"/>
      <c r="C309" s="54"/>
      <c r="D309" s="54"/>
      <c r="E309" s="54"/>
      <c r="F309" s="6"/>
      <c r="G309" s="109" t="s">
        <v>885</v>
      </c>
      <c r="H309" s="110"/>
      <c r="I309" s="111"/>
      <c r="J309" s="8" t="s">
        <v>79</v>
      </c>
    </row>
    <row r="310" spans="1:10" ht="75" customHeight="1">
      <c r="A310" s="35"/>
      <c r="B310" s="35"/>
      <c r="C310" s="54"/>
      <c r="D310" s="54"/>
      <c r="E310" s="54"/>
      <c r="F310" s="6"/>
      <c r="G310" s="109" t="s">
        <v>787</v>
      </c>
      <c r="H310" s="110"/>
      <c r="I310" s="111"/>
      <c r="J310" s="8"/>
    </row>
    <row r="311" spans="1:10" ht="50" customHeight="1">
      <c r="A311" s="35"/>
      <c r="B311" s="35"/>
      <c r="C311" s="54"/>
      <c r="D311" s="54"/>
      <c r="E311" s="54"/>
      <c r="F311" s="6"/>
      <c r="G311" s="109" t="s">
        <v>788</v>
      </c>
      <c r="H311" s="110"/>
      <c r="I311" s="111"/>
      <c r="J311" s="8"/>
    </row>
    <row r="312" spans="1:10" ht="16.05" customHeight="1">
      <c r="A312" s="35" t="s">
        <v>404</v>
      </c>
      <c r="B312" s="35" t="s">
        <v>80</v>
      </c>
      <c r="C312" s="54"/>
      <c r="D312" s="54"/>
      <c r="E312" s="54"/>
      <c r="F312" s="6"/>
      <c r="G312" s="9"/>
      <c r="H312" s="20"/>
      <c r="I312" s="21"/>
      <c r="J312" s="10"/>
    </row>
    <row r="313" spans="1:10" ht="65" customHeight="1">
      <c r="A313" s="35"/>
      <c r="B313" s="35" t="s">
        <v>327</v>
      </c>
      <c r="C313" s="50" t="s">
        <v>4</v>
      </c>
      <c r="D313" s="50" t="s">
        <v>4</v>
      </c>
      <c r="E313" s="50"/>
      <c r="F313" s="6"/>
      <c r="G313" s="9" t="s">
        <v>886</v>
      </c>
      <c r="H313" s="18" t="s">
        <v>82</v>
      </c>
      <c r="I313" s="18" t="s">
        <v>248</v>
      </c>
      <c r="J313" s="8" t="s">
        <v>83</v>
      </c>
    </row>
    <row r="314" spans="1:10" ht="16.05" customHeight="1">
      <c r="A314" s="35"/>
      <c r="B314" s="35" t="s">
        <v>81</v>
      </c>
      <c r="C314" s="54"/>
      <c r="D314" s="54"/>
      <c r="E314" s="54"/>
      <c r="F314" s="6"/>
      <c r="G314" s="9"/>
      <c r="H314" s="8"/>
      <c r="I314" s="8"/>
      <c r="J314" s="8"/>
    </row>
    <row r="315" spans="1:10" ht="40.049999999999997" customHeight="1">
      <c r="A315" s="35"/>
      <c r="B315" s="35" t="s">
        <v>328</v>
      </c>
      <c r="C315" s="50" t="s">
        <v>4</v>
      </c>
      <c r="D315" s="50" t="s">
        <v>4</v>
      </c>
      <c r="E315" s="50"/>
      <c r="F315" s="6"/>
      <c r="G315" s="9" t="s">
        <v>557</v>
      </c>
      <c r="H315" s="8" t="s">
        <v>84</v>
      </c>
      <c r="I315" s="8" t="s">
        <v>638</v>
      </c>
      <c r="J315" s="8" t="s">
        <v>85</v>
      </c>
    </row>
    <row r="316" spans="1:10" ht="90" customHeight="1">
      <c r="A316" s="35"/>
      <c r="B316" s="97" t="s">
        <v>980</v>
      </c>
      <c r="C316" s="50" t="s">
        <v>4</v>
      </c>
      <c r="D316" s="50" t="s">
        <v>4</v>
      </c>
      <c r="E316" s="50"/>
      <c r="F316" s="6"/>
      <c r="G316" s="9" t="s">
        <v>789</v>
      </c>
      <c r="H316" s="8"/>
      <c r="I316" s="8"/>
      <c r="J316" s="8"/>
    </row>
    <row r="317" spans="1:10" ht="16.05" customHeight="1">
      <c r="A317" s="35"/>
      <c r="B317" s="35" t="s">
        <v>86</v>
      </c>
      <c r="C317" s="54"/>
      <c r="D317" s="54"/>
      <c r="E317" s="54"/>
      <c r="F317" s="6"/>
      <c r="G317" s="9"/>
      <c r="H317" s="8"/>
      <c r="I317" s="8"/>
      <c r="J317" s="10"/>
    </row>
    <row r="318" spans="1:10" ht="90" customHeight="1">
      <c r="A318" s="35"/>
      <c r="B318" s="35" t="s">
        <v>329</v>
      </c>
      <c r="C318" s="50" t="s">
        <v>4</v>
      </c>
      <c r="D318" s="50" t="s">
        <v>4</v>
      </c>
      <c r="E318" s="50"/>
      <c r="F318" s="6"/>
      <c r="G318" s="9" t="s">
        <v>887</v>
      </c>
      <c r="H318" s="8" t="s">
        <v>514</v>
      </c>
      <c r="I318" s="8" t="s">
        <v>639</v>
      </c>
      <c r="J318" s="8" t="s">
        <v>88</v>
      </c>
    </row>
    <row r="319" spans="1:10" ht="80" customHeight="1">
      <c r="A319" s="35"/>
      <c r="B319" s="97" t="s">
        <v>981</v>
      </c>
      <c r="C319" s="50" t="s">
        <v>4</v>
      </c>
      <c r="D319" s="50" t="s">
        <v>4</v>
      </c>
      <c r="E319" s="50"/>
      <c r="F319" s="6"/>
      <c r="G319" s="8" t="s">
        <v>888</v>
      </c>
      <c r="H319" s="8"/>
      <c r="I319" s="8"/>
      <c r="J319" s="8"/>
    </row>
    <row r="320" spans="1:10" ht="65" customHeight="1">
      <c r="A320" s="35"/>
      <c r="B320" s="35" t="s">
        <v>444</v>
      </c>
      <c r="C320" s="50" t="s">
        <v>4</v>
      </c>
      <c r="D320" s="50" t="s">
        <v>4</v>
      </c>
      <c r="E320" s="50" t="s">
        <v>4</v>
      </c>
      <c r="F320" s="6"/>
      <c r="G320" s="8" t="s">
        <v>661</v>
      </c>
      <c r="H320" s="8"/>
      <c r="I320" s="8"/>
      <c r="J320" s="8"/>
    </row>
    <row r="321" spans="1:10" ht="75" customHeight="1">
      <c r="A321" s="38"/>
      <c r="B321" s="38"/>
      <c r="C321" s="55"/>
      <c r="D321" s="55"/>
      <c r="E321" s="55"/>
      <c r="F321" s="6"/>
      <c r="G321" s="17" t="s">
        <v>954</v>
      </c>
      <c r="H321" s="17"/>
      <c r="I321" s="17"/>
      <c r="J321" s="17"/>
    </row>
    <row r="322" spans="1:10" ht="20" customHeight="1">
      <c r="A322" s="35"/>
      <c r="B322" s="35" t="s">
        <v>87</v>
      </c>
      <c r="C322" s="54"/>
      <c r="D322" s="54"/>
      <c r="E322" s="54"/>
      <c r="F322" s="6"/>
      <c r="G322" s="8"/>
      <c r="H322" s="8"/>
      <c r="I322" s="8"/>
      <c r="J322" s="8"/>
    </row>
    <row r="323" spans="1:10" ht="160.05000000000001" customHeight="1">
      <c r="A323" s="35"/>
      <c r="B323" s="35" t="s">
        <v>89</v>
      </c>
      <c r="C323" s="50" t="s">
        <v>4</v>
      </c>
      <c r="D323" s="50" t="s">
        <v>4</v>
      </c>
      <c r="E323" s="50" t="s">
        <v>4</v>
      </c>
      <c r="F323" s="6"/>
      <c r="G323" s="8" t="s">
        <v>662</v>
      </c>
      <c r="H323" s="8" t="s">
        <v>515</v>
      </c>
      <c r="I323" s="8" t="s">
        <v>640</v>
      </c>
      <c r="J323" s="8" t="s">
        <v>90</v>
      </c>
    </row>
    <row r="324" spans="1:10" ht="35" customHeight="1">
      <c r="A324" s="35" t="s">
        <v>937</v>
      </c>
      <c r="B324" s="35" t="s">
        <v>91</v>
      </c>
      <c r="C324" s="54"/>
      <c r="D324" s="54"/>
      <c r="E324" s="54"/>
      <c r="F324" s="6"/>
      <c r="G324" s="9"/>
      <c r="H324" s="8"/>
      <c r="I324" s="10"/>
      <c r="J324" s="10"/>
    </row>
    <row r="325" spans="1:10" ht="80" customHeight="1">
      <c r="A325" s="35"/>
      <c r="B325" s="35" t="s">
        <v>445</v>
      </c>
      <c r="C325" s="50" t="s">
        <v>4</v>
      </c>
      <c r="D325" s="50" t="s">
        <v>4</v>
      </c>
      <c r="E325" s="50"/>
      <c r="F325" s="6"/>
      <c r="G325" s="8" t="s">
        <v>889</v>
      </c>
      <c r="H325" s="17" t="s">
        <v>854</v>
      </c>
      <c r="I325" s="17" t="s">
        <v>641</v>
      </c>
      <c r="J325" s="8" t="s">
        <v>92</v>
      </c>
    </row>
    <row r="326" spans="1:10" ht="15" customHeight="1">
      <c r="A326" s="35"/>
      <c r="B326" s="35"/>
      <c r="C326" s="50"/>
      <c r="D326" s="50"/>
      <c r="E326" s="50"/>
      <c r="F326" s="6"/>
      <c r="G326" s="9"/>
      <c r="H326" s="19"/>
      <c r="I326" s="30"/>
      <c r="J326" s="10"/>
    </row>
    <row r="327" spans="1:10" ht="10.050000000000001" customHeight="1">
      <c r="A327" s="35"/>
      <c r="B327" s="35"/>
      <c r="C327" s="50"/>
      <c r="D327" s="50"/>
      <c r="E327" s="50"/>
      <c r="F327" s="6"/>
      <c r="G327" s="9"/>
      <c r="H327" s="11"/>
      <c r="I327" s="10"/>
      <c r="J327" s="8"/>
    </row>
    <row r="328" spans="1:10" ht="330" customHeight="1">
      <c r="A328" s="35"/>
      <c r="B328" s="35"/>
      <c r="C328" s="54"/>
      <c r="D328" s="54"/>
      <c r="E328" s="54"/>
      <c r="F328" s="6"/>
      <c r="G328" s="109" t="s">
        <v>991</v>
      </c>
      <c r="H328" s="110"/>
      <c r="I328" s="111"/>
      <c r="J328" s="8"/>
    </row>
    <row r="329" spans="1:10" ht="15" customHeight="1">
      <c r="A329" s="35"/>
      <c r="B329" s="35"/>
      <c r="C329" s="54"/>
      <c r="D329" s="54"/>
      <c r="E329" s="54"/>
      <c r="F329" s="6"/>
      <c r="G329" s="9"/>
      <c r="H329" s="20"/>
      <c r="I329" s="10"/>
      <c r="J329" s="8"/>
    </row>
    <row r="330" spans="1:10" ht="50" customHeight="1">
      <c r="A330" s="35"/>
      <c r="B330" s="35" t="s">
        <v>330</v>
      </c>
      <c r="C330" s="50" t="s">
        <v>4</v>
      </c>
      <c r="D330" s="50" t="s">
        <v>4</v>
      </c>
      <c r="E330" s="50"/>
      <c r="F330" s="6"/>
      <c r="G330" s="8" t="s">
        <v>663</v>
      </c>
      <c r="H330" s="18"/>
      <c r="I330" s="18" t="s">
        <v>642</v>
      </c>
      <c r="J330" s="8"/>
    </row>
    <row r="331" spans="1:10" ht="110" customHeight="1">
      <c r="A331" s="38"/>
      <c r="B331" s="38"/>
      <c r="C331" s="55"/>
      <c r="D331" s="55"/>
      <c r="E331" s="55"/>
      <c r="F331" s="6"/>
      <c r="G331" s="17" t="s">
        <v>664</v>
      </c>
      <c r="H331" s="17"/>
      <c r="I331" s="17"/>
      <c r="J331" s="17"/>
    </row>
    <row r="332" spans="1:10" ht="35" customHeight="1">
      <c r="A332" s="35" t="s">
        <v>748</v>
      </c>
      <c r="B332" s="35" t="s">
        <v>93</v>
      </c>
      <c r="C332" s="54"/>
      <c r="D332" s="54"/>
      <c r="E332" s="54"/>
      <c r="F332" s="6"/>
      <c r="G332" s="8"/>
      <c r="H332" s="8"/>
      <c r="I332" s="8"/>
      <c r="J332" s="8"/>
    </row>
    <row r="333" spans="1:10" ht="50" customHeight="1">
      <c r="A333" s="35"/>
      <c r="B333" s="35" t="s">
        <v>446</v>
      </c>
      <c r="C333" s="50" t="s">
        <v>4</v>
      </c>
      <c r="D333" s="50" t="s">
        <v>4</v>
      </c>
      <c r="E333" s="50" t="s">
        <v>4</v>
      </c>
      <c r="F333" s="6"/>
      <c r="G333" s="116" t="s">
        <v>558</v>
      </c>
      <c r="H333" s="116" t="s">
        <v>855</v>
      </c>
      <c r="I333" s="116" t="s">
        <v>890</v>
      </c>
      <c r="J333" s="8" t="s">
        <v>365</v>
      </c>
    </row>
    <row r="334" spans="1:10" ht="100.05" customHeight="1">
      <c r="A334" s="35"/>
      <c r="B334" s="35" t="s">
        <v>447</v>
      </c>
      <c r="C334" s="50" t="s">
        <v>4</v>
      </c>
      <c r="D334" s="50" t="s">
        <v>4</v>
      </c>
      <c r="E334" s="50" t="s">
        <v>4</v>
      </c>
      <c r="F334" s="6"/>
      <c r="G334" s="116"/>
      <c r="H334" s="116"/>
      <c r="I334" s="116"/>
      <c r="J334" s="8"/>
    </row>
    <row r="335" spans="1:10" ht="35.25">
      <c r="A335" s="35" t="s">
        <v>749</v>
      </c>
      <c r="B335" s="36" t="s">
        <v>94</v>
      </c>
      <c r="C335" s="54"/>
      <c r="D335" s="54"/>
      <c r="E335" s="54"/>
      <c r="F335" s="6"/>
      <c r="G335" s="8"/>
      <c r="H335" s="8"/>
      <c r="I335" s="8"/>
      <c r="J335" s="8"/>
    </row>
    <row r="336" spans="1:10" ht="70.05" customHeight="1">
      <c r="A336" s="35"/>
      <c r="B336" s="93" t="s">
        <v>943</v>
      </c>
      <c r="C336" s="50" t="s">
        <v>4</v>
      </c>
      <c r="D336" s="50" t="s">
        <v>4</v>
      </c>
      <c r="E336" s="50"/>
      <c r="F336" s="6"/>
      <c r="G336" s="8" t="s">
        <v>559</v>
      </c>
      <c r="H336" s="8" t="s">
        <v>95</v>
      </c>
      <c r="I336" s="8" t="s">
        <v>96</v>
      </c>
      <c r="J336" s="8" t="s">
        <v>366</v>
      </c>
    </row>
    <row r="337" spans="1:10" ht="130.05000000000001" customHeight="1">
      <c r="A337" s="35"/>
      <c r="B337" s="93" t="s">
        <v>992</v>
      </c>
      <c r="C337" s="54"/>
      <c r="D337" s="54"/>
      <c r="E337" s="54"/>
      <c r="F337" s="6"/>
      <c r="G337" s="8" t="s">
        <v>560</v>
      </c>
      <c r="H337" s="8"/>
      <c r="I337" s="8"/>
      <c r="J337" s="8"/>
    </row>
    <row r="338" spans="1:10" ht="130.05000000000001" customHeight="1">
      <c r="A338" s="35"/>
      <c r="B338" s="35"/>
      <c r="C338" s="54"/>
      <c r="D338" s="54"/>
      <c r="E338" s="54"/>
      <c r="F338" s="6"/>
      <c r="G338" s="8" t="s">
        <v>665</v>
      </c>
      <c r="H338" s="8"/>
      <c r="I338" s="8"/>
      <c r="J338" s="8"/>
    </row>
    <row r="339" spans="1:10" ht="270" customHeight="1">
      <c r="A339" s="38"/>
      <c r="B339" s="37" t="s">
        <v>448</v>
      </c>
      <c r="C339" s="53" t="s">
        <v>4</v>
      </c>
      <c r="D339" s="53" t="s">
        <v>4</v>
      </c>
      <c r="E339" s="53" t="s">
        <v>4</v>
      </c>
      <c r="F339" s="6"/>
      <c r="G339" s="17"/>
      <c r="H339" s="17"/>
      <c r="I339" s="17"/>
      <c r="J339" s="17"/>
    </row>
    <row r="340" spans="1:10" ht="30" customHeight="1">
      <c r="A340" s="36" t="s">
        <v>734</v>
      </c>
      <c r="B340" s="35"/>
      <c r="C340" s="54"/>
      <c r="D340" s="54"/>
      <c r="E340" s="54"/>
      <c r="F340" s="6"/>
      <c r="G340" s="8"/>
      <c r="H340" s="8"/>
      <c r="I340" s="8"/>
      <c r="J340" s="8"/>
    </row>
    <row r="341" spans="1:10" ht="15" customHeight="1">
      <c r="A341" s="35" t="s">
        <v>97</v>
      </c>
      <c r="B341" s="35" t="s">
        <v>98</v>
      </c>
      <c r="C341" s="54"/>
      <c r="D341" s="54"/>
      <c r="E341" s="54"/>
      <c r="F341" s="6"/>
      <c r="G341" s="8"/>
      <c r="H341" s="8"/>
      <c r="I341" s="8"/>
      <c r="J341" s="8"/>
    </row>
    <row r="342" spans="1:10" ht="90" customHeight="1">
      <c r="A342" s="35"/>
      <c r="B342" s="35" t="s">
        <v>331</v>
      </c>
      <c r="C342" s="50" t="s">
        <v>4</v>
      </c>
      <c r="D342" s="50" t="s">
        <v>4</v>
      </c>
      <c r="E342" s="50"/>
      <c r="F342" s="6"/>
      <c r="G342" s="8" t="s">
        <v>790</v>
      </c>
      <c r="H342" s="17" t="s">
        <v>516</v>
      </c>
      <c r="I342" s="17" t="s">
        <v>9</v>
      </c>
      <c r="J342" s="8" t="s">
        <v>100</v>
      </c>
    </row>
    <row r="343" spans="1:10" ht="10.050000000000001" customHeight="1">
      <c r="A343" s="35"/>
      <c r="B343" s="35"/>
      <c r="C343" s="50"/>
      <c r="D343" s="50"/>
      <c r="E343" s="50"/>
      <c r="F343" s="6"/>
      <c r="G343" s="9"/>
      <c r="H343" s="19"/>
      <c r="I343" s="19"/>
      <c r="J343" s="10"/>
    </row>
    <row r="344" spans="1:10" ht="160.05000000000001" customHeight="1">
      <c r="A344" s="35"/>
      <c r="B344" s="35" t="s">
        <v>332</v>
      </c>
      <c r="C344" s="50" t="s">
        <v>4</v>
      </c>
      <c r="D344" s="50" t="s">
        <v>4</v>
      </c>
      <c r="E344" s="50"/>
      <c r="F344" s="6"/>
      <c r="G344" s="109" t="s">
        <v>735</v>
      </c>
      <c r="H344" s="110"/>
      <c r="I344" s="110"/>
      <c r="J344" s="111"/>
    </row>
    <row r="345" spans="1:10" ht="15" customHeight="1">
      <c r="A345" s="35"/>
      <c r="B345" s="36" t="s">
        <v>99</v>
      </c>
      <c r="C345" s="54"/>
      <c r="D345" s="54"/>
      <c r="E345" s="54"/>
      <c r="F345" s="6"/>
      <c r="G345" s="9"/>
      <c r="H345" s="20"/>
      <c r="I345" s="20"/>
      <c r="J345" s="10"/>
    </row>
    <row r="346" spans="1:10" ht="52.9">
      <c r="A346" s="35"/>
      <c r="B346" s="36" t="s">
        <v>993</v>
      </c>
      <c r="C346" s="50" t="s">
        <v>4</v>
      </c>
      <c r="D346" s="50" t="s">
        <v>4</v>
      </c>
      <c r="E346" s="50"/>
      <c r="F346" s="6"/>
      <c r="G346" s="8" t="s">
        <v>736</v>
      </c>
      <c r="H346" s="17" t="s">
        <v>845</v>
      </c>
      <c r="I346" s="17" t="s">
        <v>101</v>
      </c>
      <c r="J346" s="8" t="s">
        <v>102</v>
      </c>
    </row>
    <row r="347" spans="1:10" ht="10.050000000000001" customHeight="1">
      <c r="A347" s="35"/>
      <c r="B347" s="36"/>
      <c r="C347" s="50"/>
      <c r="D347" s="50"/>
      <c r="E347" s="50"/>
      <c r="F347" s="6"/>
      <c r="G347" s="9"/>
      <c r="H347" s="11"/>
      <c r="I347" s="10"/>
      <c r="J347" s="8"/>
    </row>
    <row r="348" spans="1:10" ht="20" customHeight="1">
      <c r="A348" s="35"/>
      <c r="B348" s="36" t="s">
        <v>333</v>
      </c>
      <c r="C348" s="54"/>
      <c r="D348" s="54"/>
      <c r="E348" s="54"/>
      <c r="F348" s="6"/>
      <c r="G348" s="133" t="s">
        <v>944</v>
      </c>
      <c r="H348" s="134"/>
      <c r="I348" s="135"/>
      <c r="J348" s="8"/>
    </row>
    <row r="349" spans="1:10" ht="140" customHeight="1">
      <c r="A349" s="35"/>
      <c r="B349" s="35"/>
      <c r="C349" s="54"/>
      <c r="D349" s="54"/>
      <c r="E349" s="54"/>
      <c r="F349" s="6"/>
      <c r="G349" s="133"/>
      <c r="H349" s="134"/>
      <c r="I349" s="135"/>
      <c r="J349" s="8"/>
    </row>
    <row r="350" spans="1:10" ht="15" customHeight="1">
      <c r="A350" s="35"/>
      <c r="B350" s="35"/>
      <c r="C350" s="54"/>
      <c r="D350" s="54"/>
      <c r="E350" s="54"/>
      <c r="F350" s="6"/>
      <c r="G350" s="133"/>
      <c r="H350" s="134"/>
      <c r="I350" s="135"/>
      <c r="J350" s="8"/>
    </row>
    <row r="351" spans="1:10" ht="265.05" customHeight="1">
      <c r="A351" s="38"/>
      <c r="B351" s="37" t="s">
        <v>449</v>
      </c>
      <c r="C351" s="53" t="s">
        <v>4</v>
      </c>
      <c r="D351" s="53" t="s">
        <v>4</v>
      </c>
      <c r="E351" s="53"/>
      <c r="F351" s="6"/>
      <c r="G351" s="136"/>
      <c r="H351" s="137"/>
      <c r="I351" s="138"/>
      <c r="J351" s="17"/>
    </row>
    <row r="352" spans="1:10" ht="25.05" customHeight="1">
      <c r="A352" s="39" t="s">
        <v>750</v>
      </c>
      <c r="B352" s="35" t="s">
        <v>103</v>
      </c>
      <c r="C352" s="54"/>
      <c r="D352" s="54"/>
      <c r="E352" s="54"/>
      <c r="F352" s="6"/>
      <c r="G352" s="9"/>
      <c r="H352" s="18"/>
      <c r="I352" s="10"/>
      <c r="J352" s="8"/>
    </row>
    <row r="353" spans="1:10" ht="42">
      <c r="A353" s="35"/>
      <c r="B353" s="35" t="s">
        <v>334</v>
      </c>
      <c r="C353" s="50" t="s">
        <v>4</v>
      </c>
      <c r="D353" s="50" t="s">
        <v>4</v>
      </c>
      <c r="E353" s="50"/>
      <c r="F353" s="6"/>
      <c r="G353" s="8" t="s">
        <v>561</v>
      </c>
      <c r="H353" s="17" t="s">
        <v>517</v>
      </c>
      <c r="I353" s="17" t="s">
        <v>104</v>
      </c>
      <c r="J353" s="8" t="s">
        <v>105</v>
      </c>
    </row>
    <row r="354" spans="1:10" ht="10.050000000000001" customHeight="1">
      <c r="A354" s="35"/>
      <c r="B354" s="35"/>
      <c r="C354" s="50"/>
      <c r="D354" s="50"/>
      <c r="E354" s="50"/>
      <c r="F354" s="6"/>
      <c r="G354" s="9"/>
      <c r="H354" s="19"/>
      <c r="I354" s="30"/>
      <c r="J354" s="8"/>
    </row>
    <row r="355" spans="1:10" ht="330" customHeight="1">
      <c r="A355" s="35"/>
      <c r="B355" s="35" t="s">
        <v>450</v>
      </c>
      <c r="C355" s="50" t="s">
        <v>4</v>
      </c>
      <c r="D355" s="50" t="s">
        <v>4</v>
      </c>
      <c r="E355" s="50"/>
      <c r="F355" s="6"/>
      <c r="G355" s="109" t="s">
        <v>791</v>
      </c>
      <c r="H355" s="110"/>
      <c r="I355" s="111"/>
      <c r="J355" s="8"/>
    </row>
    <row r="356" spans="1:10" ht="20" customHeight="1">
      <c r="A356" s="35"/>
      <c r="B356" s="35" t="s">
        <v>106</v>
      </c>
      <c r="C356" s="54"/>
      <c r="D356" s="54"/>
      <c r="E356" s="54"/>
      <c r="F356" s="6"/>
      <c r="G356" s="9"/>
      <c r="H356" s="20"/>
      <c r="I356" s="21"/>
      <c r="J356" s="8"/>
    </row>
    <row r="357" spans="1:10" ht="70.05" customHeight="1">
      <c r="A357" s="35"/>
      <c r="B357" s="35" t="s">
        <v>107</v>
      </c>
      <c r="C357" s="50" t="s">
        <v>4</v>
      </c>
      <c r="D357" s="50" t="s">
        <v>4</v>
      </c>
      <c r="E357" s="50"/>
      <c r="F357" s="6"/>
      <c r="G357" s="8" t="s">
        <v>562</v>
      </c>
      <c r="H357" s="17" t="s">
        <v>108</v>
      </c>
      <c r="I357" s="17" t="s">
        <v>109</v>
      </c>
      <c r="J357" s="8" t="s">
        <v>110</v>
      </c>
    </row>
    <row r="358" spans="1:10" ht="10.050000000000001" customHeight="1">
      <c r="A358" s="35"/>
      <c r="B358" s="35"/>
      <c r="C358" s="50"/>
      <c r="D358" s="50"/>
      <c r="E358" s="50"/>
      <c r="F358" s="6"/>
      <c r="G358" s="9"/>
      <c r="H358" s="11"/>
      <c r="I358" s="10"/>
      <c r="J358" s="8"/>
    </row>
    <row r="359" spans="1:10" ht="260" customHeight="1">
      <c r="A359" s="35"/>
      <c r="B359" s="35"/>
      <c r="C359" s="54"/>
      <c r="D359" s="54"/>
      <c r="E359" s="54"/>
      <c r="F359" s="6"/>
      <c r="G359" s="109" t="s">
        <v>792</v>
      </c>
      <c r="H359" s="110"/>
      <c r="I359" s="111"/>
      <c r="J359" s="8"/>
    </row>
    <row r="360" spans="1:10" ht="60" customHeight="1">
      <c r="A360" s="38"/>
      <c r="B360" s="38"/>
      <c r="C360" s="55"/>
      <c r="D360" s="55"/>
      <c r="E360" s="55"/>
      <c r="F360" s="24"/>
      <c r="G360" s="106" t="s">
        <v>563</v>
      </c>
      <c r="H360" s="107"/>
      <c r="I360" s="108"/>
      <c r="J360" s="17"/>
    </row>
    <row r="361" spans="1:10" ht="15" customHeight="1">
      <c r="A361" s="35"/>
      <c r="B361" s="35"/>
      <c r="C361" s="54"/>
      <c r="D361" s="54"/>
      <c r="E361" s="54"/>
      <c r="F361" s="6"/>
      <c r="G361" s="9"/>
      <c r="H361" s="11"/>
      <c r="I361" s="10"/>
      <c r="J361" s="8"/>
    </row>
    <row r="362" spans="1:10" ht="80" customHeight="1">
      <c r="A362" s="35"/>
      <c r="B362" s="35"/>
      <c r="C362" s="54"/>
      <c r="D362" s="54"/>
      <c r="E362" s="54"/>
      <c r="F362" s="6"/>
      <c r="G362" s="109" t="s">
        <v>564</v>
      </c>
      <c r="H362" s="110"/>
      <c r="I362" s="111"/>
      <c r="J362" s="8"/>
    </row>
    <row r="363" spans="1:10" ht="260" customHeight="1">
      <c r="A363" s="35"/>
      <c r="B363" s="35"/>
      <c r="C363" s="54"/>
      <c r="D363" s="54"/>
      <c r="E363" s="54"/>
      <c r="F363" s="6"/>
      <c r="G363" s="109" t="s">
        <v>793</v>
      </c>
      <c r="H363" s="110"/>
      <c r="I363" s="111"/>
      <c r="J363" s="8"/>
    </row>
    <row r="364" spans="1:10" ht="80" customHeight="1">
      <c r="A364" s="35"/>
      <c r="B364" s="35"/>
      <c r="C364" s="54"/>
      <c r="D364" s="54"/>
      <c r="E364" s="54"/>
      <c r="F364" s="6"/>
      <c r="G364" s="109" t="s">
        <v>666</v>
      </c>
      <c r="H364" s="110"/>
      <c r="I364" s="111"/>
      <c r="J364" s="8"/>
    </row>
    <row r="365" spans="1:10" ht="380" customHeight="1">
      <c r="A365" s="38"/>
      <c r="B365" s="38"/>
      <c r="C365" s="55"/>
      <c r="D365" s="55"/>
      <c r="E365" s="55"/>
      <c r="F365" s="6"/>
      <c r="G365" s="106" t="s">
        <v>111</v>
      </c>
      <c r="H365" s="107"/>
      <c r="I365" s="108"/>
      <c r="J365" s="17"/>
    </row>
    <row r="366" spans="1:10" ht="20" customHeight="1">
      <c r="A366" s="35" t="s">
        <v>112</v>
      </c>
      <c r="B366" s="35" t="s">
        <v>113</v>
      </c>
      <c r="C366" s="54"/>
      <c r="D366" s="54"/>
      <c r="E366" s="54"/>
      <c r="F366" s="6"/>
      <c r="G366" s="8"/>
      <c r="H366" s="8"/>
      <c r="I366" s="8"/>
      <c r="J366" s="8"/>
    </row>
    <row r="367" spans="1:10" ht="50" customHeight="1">
      <c r="A367" s="35"/>
      <c r="B367" s="35" t="s">
        <v>335</v>
      </c>
      <c r="C367" s="50" t="s">
        <v>4</v>
      </c>
      <c r="D367" s="50" t="s">
        <v>4</v>
      </c>
      <c r="E367" s="50" t="s">
        <v>4</v>
      </c>
      <c r="F367" s="6"/>
      <c r="G367" s="8" t="s">
        <v>667</v>
      </c>
      <c r="H367" s="116" t="s">
        <v>891</v>
      </c>
      <c r="I367" s="116" t="s">
        <v>114</v>
      </c>
      <c r="J367" s="8" t="s">
        <v>115</v>
      </c>
    </row>
    <row r="368" spans="1:10" ht="60" customHeight="1">
      <c r="A368" s="35"/>
      <c r="B368" s="35" t="s">
        <v>336</v>
      </c>
      <c r="C368" s="50" t="s">
        <v>4</v>
      </c>
      <c r="D368" s="50" t="s">
        <v>4</v>
      </c>
      <c r="E368" s="50" t="s">
        <v>4</v>
      </c>
      <c r="F368" s="6"/>
      <c r="G368" s="8" t="s">
        <v>737</v>
      </c>
      <c r="H368" s="117"/>
      <c r="I368" s="117"/>
      <c r="J368" s="8"/>
    </row>
    <row r="369" spans="1:10" ht="10.050000000000001" customHeight="1">
      <c r="A369" s="35"/>
      <c r="B369" s="35"/>
      <c r="C369" s="50"/>
      <c r="D369" s="50"/>
      <c r="E369" s="50"/>
      <c r="F369" s="6"/>
      <c r="G369" s="9"/>
      <c r="H369" s="11"/>
      <c r="I369" s="10"/>
      <c r="J369" s="8"/>
    </row>
    <row r="370" spans="1:10" ht="275" customHeight="1">
      <c r="A370" s="35"/>
      <c r="B370" s="35" t="s">
        <v>337</v>
      </c>
      <c r="C370" s="50" t="s">
        <v>4</v>
      </c>
      <c r="D370" s="50" t="s">
        <v>4</v>
      </c>
      <c r="E370" s="50" t="s">
        <v>4</v>
      </c>
      <c r="F370" s="6"/>
      <c r="G370" s="109" t="s">
        <v>794</v>
      </c>
      <c r="H370" s="110"/>
      <c r="I370" s="111"/>
      <c r="J370" s="8"/>
    </row>
    <row r="371" spans="1:10" ht="100.05" customHeight="1">
      <c r="A371" s="35"/>
      <c r="B371" s="35"/>
      <c r="C371" s="54"/>
      <c r="D371" s="54"/>
      <c r="E371" s="54"/>
      <c r="F371" s="6"/>
      <c r="G371" s="109" t="s">
        <v>738</v>
      </c>
      <c r="H371" s="110"/>
      <c r="I371" s="111"/>
      <c r="J371" s="8"/>
    </row>
    <row r="372" spans="1:10" ht="60" customHeight="1">
      <c r="A372" s="35"/>
      <c r="B372" s="35"/>
      <c r="C372" s="54"/>
      <c r="D372" s="54"/>
      <c r="E372" s="54"/>
      <c r="F372" s="6"/>
      <c r="G372" s="109" t="s">
        <v>565</v>
      </c>
      <c r="H372" s="110"/>
      <c r="I372" s="111"/>
      <c r="J372" s="8"/>
    </row>
    <row r="373" spans="1:10" ht="250.05" customHeight="1">
      <c r="A373" s="38"/>
      <c r="B373" s="38"/>
      <c r="C373" s="55"/>
      <c r="D373" s="55"/>
      <c r="E373" s="55"/>
      <c r="F373" s="6"/>
      <c r="G373" s="106" t="s">
        <v>695</v>
      </c>
      <c r="H373" s="107"/>
      <c r="I373" s="108"/>
      <c r="J373" s="17"/>
    </row>
    <row r="374" spans="1:10" ht="20" customHeight="1">
      <c r="A374" s="35" t="s">
        <v>116</v>
      </c>
      <c r="B374" s="35" t="s">
        <v>117</v>
      </c>
      <c r="C374" s="54"/>
      <c r="D374" s="54"/>
      <c r="E374" s="54"/>
      <c r="F374" s="6"/>
      <c r="G374" s="8" t="s">
        <v>566</v>
      </c>
      <c r="H374" s="8"/>
      <c r="I374" s="8"/>
      <c r="J374" s="8"/>
    </row>
    <row r="375" spans="1:10" ht="70.05" customHeight="1">
      <c r="A375" s="35"/>
      <c r="B375" s="35" t="s">
        <v>338</v>
      </c>
      <c r="C375" s="50" t="s">
        <v>4</v>
      </c>
      <c r="D375" s="50" t="s">
        <v>4</v>
      </c>
      <c r="E375" s="50" t="s">
        <v>4</v>
      </c>
      <c r="F375" s="6"/>
      <c r="G375" s="109" t="s">
        <v>567</v>
      </c>
      <c r="H375" s="117" t="s">
        <v>892</v>
      </c>
      <c r="I375" s="117" t="s">
        <v>118</v>
      </c>
      <c r="J375" s="8" t="s">
        <v>119</v>
      </c>
    </row>
    <row r="376" spans="1:10" ht="30" customHeight="1">
      <c r="A376" s="35"/>
      <c r="B376" s="35" t="s">
        <v>339</v>
      </c>
      <c r="C376" s="50" t="s">
        <v>4</v>
      </c>
      <c r="D376" s="50" t="s">
        <v>4</v>
      </c>
      <c r="E376" s="50" t="s">
        <v>4</v>
      </c>
      <c r="F376" s="6"/>
      <c r="G376" s="109"/>
      <c r="H376" s="124"/>
      <c r="I376" s="124"/>
      <c r="J376" s="8"/>
    </row>
    <row r="377" spans="1:10" ht="15" customHeight="1">
      <c r="A377" s="35"/>
      <c r="B377" s="35"/>
      <c r="C377" s="50"/>
      <c r="D377" s="50"/>
      <c r="E377" s="50"/>
      <c r="F377" s="6"/>
      <c r="G377" s="9"/>
      <c r="H377" s="11"/>
      <c r="I377" s="10"/>
      <c r="J377" s="8"/>
    </row>
    <row r="378" spans="1:10" ht="140" customHeight="1">
      <c r="A378" s="35"/>
      <c r="B378" s="35"/>
      <c r="C378" s="54"/>
      <c r="D378" s="54"/>
      <c r="E378" s="54"/>
      <c r="F378" s="6"/>
      <c r="G378" s="109" t="s">
        <v>568</v>
      </c>
      <c r="H378" s="110"/>
      <c r="I378" s="111"/>
      <c r="J378" s="8"/>
    </row>
    <row r="379" spans="1:10" ht="70.05" customHeight="1">
      <c r="A379" s="35"/>
      <c r="B379" s="35"/>
      <c r="C379" s="50"/>
      <c r="D379" s="50"/>
      <c r="E379" s="50"/>
      <c r="F379" s="6"/>
      <c r="G379" s="109" t="s">
        <v>795</v>
      </c>
      <c r="H379" s="110"/>
      <c r="I379" s="111"/>
      <c r="J379" s="8"/>
    </row>
    <row r="380" spans="1:10" ht="70.05" customHeight="1">
      <c r="A380" s="35"/>
      <c r="B380" s="35"/>
      <c r="C380" s="54"/>
      <c r="D380" s="54"/>
      <c r="E380" s="54"/>
      <c r="F380" s="6"/>
      <c r="G380" s="109" t="s">
        <v>696</v>
      </c>
      <c r="H380" s="107"/>
      <c r="I380" s="111"/>
      <c r="J380" s="8"/>
    </row>
    <row r="381" spans="1:10" ht="60" customHeight="1">
      <c r="A381" s="35"/>
      <c r="B381" s="35" t="s">
        <v>340</v>
      </c>
      <c r="C381" s="50" t="s">
        <v>4</v>
      </c>
      <c r="D381" s="50" t="s">
        <v>4</v>
      </c>
      <c r="E381" s="50" t="s">
        <v>4</v>
      </c>
      <c r="F381" s="6"/>
      <c r="G381" s="8" t="s">
        <v>668</v>
      </c>
      <c r="H381" s="17" t="s">
        <v>518</v>
      </c>
      <c r="I381" s="14" t="s">
        <v>643</v>
      </c>
      <c r="J381" s="8" t="s">
        <v>120</v>
      </c>
    </row>
    <row r="382" spans="1:10" ht="10.050000000000001" customHeight="1">
      <c r="A382" s="35"/>
      <c r="B382" s="35"/>
      <c r="C382" s="50"/>
      <c r="D382" s="50"/>
      <c r="E382" s="50"/>
      <c r="F382" s="6"/>
      <c r="G382" s="9"/>
      <c r="H382" s="11"/>
      <c r="I382" s="10"/>
      <c r="J382" s="8"/>
    </row>
    <row r="383" spans="1:10" ht="90" customHeight="1">
      <c r="A383" s="35"/>
      <c r="B383" s="35"/>
      <c r="C383" s="54"/>
      <c r="D383" s="54"/>
      <c r="E383" s="54"/>
      <c r="F383" s="6"/>
      <c r="G383" s="109" t="s">
        <v>669</v>
      </c>
      <c r="H383" s="110"/>
      <c r="I383" s="111"/>
      <c r="J383" s="8"/>
    </row>
    <row r="384" spans="1:10" ht="70.05" customHeight="1">
      <c r="A384" s="35"/>
      <c r="B384" s="35" t="s">
        <v>341</v>
      </c>
      <c r="C384" s="50" t="s">
        <v>4</v>
      </c>
      <c r="D384" s="50" t="s">
        <v>4</v>
      </c>
      <c r="E384" s="50" t="s">
        <v>4</v>
      </c>
      <c r="F384" s="6"/>
      <c r="G384" s="109" t="s">
        <v>893</v>
      </c>
      <c r="H384" s="110"/>
      <c r="I384" s="111"/>
      <c r="J384" s="8"/>
    </row>
    <row r="385" spans="1:10" ht="70.05" customHeight="1">
      <c r="A385" s="35"/>
      <c r="B385" s="35" t="s">
        <v>451</v>
      </c>
      <c r="C385" s="50" t="s">
        <v>4</v>
      </c>
      <c r="D385" s="50" t="s">
        <v>4</v>
      </c>
      <c r="E385" s="50" t="s">
        <v>4</v>
      </c>
      <c r="F385" s="6"/>
      <c r="G385" s="109" t="s">
        <v>796</v>
      </c>
      <c r="H385" s="110"/>
      <c r="I385" s="111"/>
      <c r="J385" s="8"/>
    </row>
    <row r="386" spans="1:10" ht="110" customHeight="1">
      <c r="A386" s="38"/>
      <c r="B386" s="38"/>
      <c r="C386" s="55"/>
      <c r="D386" s="55"/>
      <c r="E386" s="55"/>
      <c r="F386" s="6"/>
      <c r="G386" s="106" t="s">
        <v>481</v>
      </c>
      <c r="H386" s="107"/>
      <c r="I386" s="108"/>
      <c r="J386" s="17"/>
    </row>
    <row r="387" spans="1:10" ht="25.05" customHeight="1">
      <c r="A387" s="36" t="s">
        <v>739</v>
      </c>
      <c r="B387" s="35"/>
      <c r="C387" s="54"/>
      <c r="D387" s="54"/>
      <c r="E387" s="54"/>
      <c r="F387" s="6"/>
      <c r="G387" s="8"/>
      <c r="H387" s="8"/>
      <c r="I387" s="8"/>
      <c r="J387" s="8"/>
    </row>
    <row r="388" spans="1:10" ht="18" customHeight="1">
      <c r="A388" s="35" t="s">
        <v>121</v>
      </c>
      <c r="B388" s="35" t="s">
        <v>122</v>
      </c>
      <c r="C388" s="54"/>
      <c r="D388" s="54"/>
      <c r="E388" s="54"/>
      <c r="F388" s="6"/>
      <c r="G388" s="8"/>
      <c r="H388" s="8"/>
      <c r="I388" s="8"/>
      <c r="J388" s="8"/>
    </row>
    <row r="389" spans="1:10" ht="84">
      <c r="A389" s="35"/>
      <c r="B389" s="35" t="s">
        <v>452</v>
      </c>
      <c r="C389" s="50" t="s">
        <v>4</v>
      </c>
      <c r="D389" s="50" t="s">
        <v>4</v>
      </c>
      <c r="E389" s="50"/>
      <c r="F389" s="6"/>
      <c r="G389" s="8" t="s">
        <v>797</v>
      </c>
      <c r="H389" s="17" t="s">
        <v>519</v>
      </c>
      <c r="I389" s="17" t="s">
        <v>644</v>
      </c>
      <c r="J389" s="8" t="s">
        <v>125</v>
      </c>
    </row>
    <row r="390" spans="1:10" ht="10.050000000000001" customHeight="1">
      <c r="A390" s="35"/>
      <c r="B390" s="35"/>
      <c r="C390" s="50"/>
      <c r="D390" s="50"/>
      <c r="E390" s="50"/>
      <c r="F390" s="6"/>
      <c r="G390" s="9" t="s">
        <v>566</v>
      </c>
      <c r="H390" s="19"/>
      <c r="I390" s="30"/>
      <c r="J390" s="8"/>
    </row>
    <row r="391" spans="1:10" ht="45" customHeight="1">
      <c r="A391" s="35"/>
      <c r="B391" s="35" t="s">
        <v>342</v>
      </c>
      <c r="C391" s="50" t="s">
        <v>4</v>
      </c>
      <c r="D391" s="50" t="s">
        <v>4</v>
      </c>
      <c r="E391" s="50"/>
      <c r="F391" s="6"/>
      <c r="G391" s="109" t="s">
        <v>670</v>
      </c>
      <c r="H391" s="110"/>
      <c r="I391" s="111"/>
      <c r="J391" s="8" t="s">
        <v>473</v>
      </c>
    </row>
    <row r="392" spans="1:10" ht="20" customHeight="1">
      <c r="A392" s="35" t="s">
        <v>123</v>
      </c>
      <c r="B392" s="35"/>
      <c r="C392" s="54"/>
      <c r="D392" s="54"/>
      <c r="E392" s="54"/>
      <c r="F392" s="6"/>
      <c r="G392" s="109" t="s">
        <v>126</v>
      </c>
      <c r="H392" s="110"/>
      <c r="I392" s="111"/>
      <c r="J392" s="8"/>
    </row>
    <row r="393" spans="1:10" ht="36.75" customHeight="1">
      <c r="A393" s="35"/>
      <c r="B393" s="35"/>
      <c r="C393" s="54"/>
      <c r="D393" s="54"/>
      <c r="E393" s="54"/>
      <c r="F393" s="6"/>
      <c r="G393" s="109" t="s">
        <v>671</v>
      </c>
      <c r="H393" s="110"/>
      <c r="I393" s="111"/>
      <c r="J393" s="8"/>
    </row>
    <row r="394" spans="1:10" ht="27.75" customHeight="1">
      <c r="A394" s="35"/>
      <c r="B394" s="35"/>
      <c r="C394" s="50"/>
      <c r="D394" s="50"/>
      <c r="E394" s="50"/>
      <c r="F394" s="6"/>
      <c r="G394" s="109" t="s">
        <v>569</v>
      </c>
      <c r="H394" s="110"/>
      <c r="I394" s="111"/>
      <c r="J394" s="8"/>
    </row>
    <row r="395" spans="1:10" ht="20" customHeight="1">
      <c r="A395" s="35"/>
      <c r="B395" s="35"/>
      <c r="C395" s="54"/>
      <c r="D395" s="54"/>
      <c r="E395" s="54"/>
      <c r="F395" s="6"/>
      <c r="G395" s="109" t="s">
        <v>127</v>
      </c>
      <c r="H395" s="110"/>
      <c r="I395" s="111"/>
      <c r="J395" s="8"/>
    </row>
    <row r="396" spans="1:10" ht="20" customHeight="1">
      <c r="A396" s="35" t="s">
        <v>405</v>
      </c>
      <c r="B396" s="35" t="s">
        <v>124</v>
      </c>
      <c r="C396" s="54"/>
      <c r="D396" s="54"/>
      <c r="E396" s="54"/>
      <c r="F396" s="6"/>
      <c r="G396" s="9"/>
      <c r="H396" s="11"/>
      <c r="I396" s="10"/>
      <c r="J396" s="8"/>
    </row>
    <row r="397" spans="1:10" ht="50" customHeight="1">
      <c r="A397" s="35"/>
      <c r="B397" s="35" t="s">
        <v>453</v>
      </c>
      <c r="C397" s="50" t="s">
        <v>4</v>
      </c>
      <c r="D397" s="50" t="s">
        <v>4</v>
      </c>
      <c r="E397" s="50" t="s">
        <v>4</v>
      </c>
      <c r="F397" s="6"/>
      <c r="G397" s="116" t="s">
        <v>570</v>
      </c>
      <c r="H397" s="124" t="s">
        <v>856</v>
      </c>
      <c r="I397" s="124" t="s">
        <v>128</v>
      </c>
      <c r="J397" s="8" t="s">
        <v>129</v>
      </c>
    </row>
    <row r="398" spans="1:10" ht="100.05" customHeight="1">
      <c r="A398" s="35"/>
      <c r="B398" s="35" t="s">
        <v>982</v>
      </c>
      <c r="C398" s="50" t="s">
        <v>4</v>
      </c>
      <c r="D398" s="50" t="s">
        <v>4</v>
      </c>
      <c r="E398" s="50" t="s">
        <v>4</v>
      </c>
      <c r="F398" s="6"/>
      <c r="G398" s="116"/>
      <c r="H398" s="124"/>
      <c r="I398" s="124"/>
      <c r="J398" s="8"/>
    </row>
    <row r="399" spans="1:10" ht="10.050000000000001" customHeight="1">
      <c r="A399" s="35"/>
      <c r="B399" s="35"/>
      <c r="C399" s="50"/>
      <c r="D399" s="50"/>
      <c r="E399" s="50"/>
      <c r="F399" s="6"/>
      <c r="G399" s="9"/>
      <c r="H399" s="11"/>
      <c r="I399" s="10"/>
      <c r="J399" s="8"/>
    </row>
    <row r="400" spans="1:10" ht="45" customHeight="1">
      <c r="A400" s="35"/>
      <c r="B400" s="35" t="s">
        <v>454</v>
      </c>
      <c r="C400" s="50" t="s">
        <v>4</v>
      </c>
      <c r="D400" s="50" t="s">
        <v>4</v>
      </c>
      <c r="E400" s="50" t="s">
        <v>4</v>
      </c>
      <c r="F400" s="6"/>
      <c r="G400" s="102" t="s">
        <v>764</v>
      </c>
      <c r="H400" s="112"/>
      <c r="I400" s="103"/>
      <c r="J400" s="8"/>
    </row>
    <row r="401" spans="1:10" ht="200" customHeight="1">
      <c r="A401" s="35"/>
      <c r="B401" s="35" t="s">
        <v>455</v>
      </c>
      <c r="C401" s="50" t="s">
        <v>4</v>
      </c>
      <c r="D401" s="50" t="s">
        <v>4</v>
      </c>
      <c r="E401" s="50" t="s">
        <v>4</v>
      </c>
      <c r="F401" s="6"/>
      <c r="G401" s="102"/>
      <c r="H401" s="112"/>
      <c r="I401" s="103"/>
      <c r="J401" s="8"/>
    </row>
    <row r="402" spans="1:10" ht="24" customHeight="1">
      <c r="A402" s="35"/>
      <c r="B402" s="35"/>
      <c r="C402" s="54"/>
      <c r="D402" s="54"/>
      <c r="E402" s="54"/>
      <c r="F402" s="6"/>
      <c r="G402" s="109" t="s">
        <v>672</v>
      </c>
      <c r="H402" s="110"/>
      <c r="I402" s="111"/>
      <c r="J402" s="8"/>
    </row>
    <row r="403" spans="1:10" ht="90" customHeight="1">
      <c r="A403" s="38"/>
      <c r="B403" s="38"/>
      <c r="C403" s="55"/>
      <c r="D403" s="55"/>
      <c r="E403" s="55"/>
      <c r="F403" s="6"/>
      <c r="G403" s="106" t="s">
        <v>765</v>
      </c>
      <c r="H403" s="107"/>
      <c r="I403" s="108"/>
      <c r="J403" s="17"/>
    </row>
    <row r="404" spans="1:10" ht="49.5" customHeight="1">
      <c r="A404" s="35"/>
      <c r="B404" s="35" t="s">
        <v>456</v>
      </c>
      <c r="C404" s="50" t="s">
        <v>4</v>
      </c>
      <c r="D404" s="50" t="s">
        <v>4</v>
      </c>
      <c r="E404" s="50" t="s">
        <v>4</v>
      </c>
      <c r="F404" s="6"/>
      <c r="G404" s="109" t="s">
        <v>571</v>
      </c>
      <c r="H404" s="110"/>
      <c r="I404" s="111"/>
      <c r="J404" s="8" t="s">
        <v>956</v>
      </c>
    </row>
    <row r="405" spans="1:10" ht="130.05000000000001" customHeight="1">
      <c r="A405" s="35"/>
      <c r="B405" s="35"/>
      <c r="C405" s="54"/>
      <c r="D405" s="54"/>
      <c r="E405" s="54"/>
      <c r="F405" s="6"/>
      <c r="G405" s="109" t="s">
        <v>955</v>
      </c>
      <c r="H405" s="110"/>
      <c r="I405" s="111"/>
      <c r="J405" s="8"/>
    </row>
    <row r="406" spans="1:10" ht="120" customHeight="1">
      <c r="A406" s="35"/>
      <c r="B406" s="35" t="s">
        <v>457</v>
      </c>
      <c r="C406" s="50" t="s">
        <v>4</v>
      </c>
      <c r="D406" s="50" t="s">
        <v>4</v>
      </c>
      <c r="E406" s="50" t="s">
        <v>4</v>
      </c>
      <c r="F406" s="6"/>
      <c r="G406" s="109" t="s">
        <v>572</v>
      </c>
      <c r="H406" s="110"/>
      <c r="I406" s="111"/>
      <c r="J406" s="8"/>
    </row>
    <row r="407" spans="1:10" ht="35" customHeight="1">
      <c r="A407" s="35" t="s">
        <v>760</v>
      </c>
      <c r="B407" s="35" t="s">
        <v>130</v>
      </c>
      <c r="C407" s="54"/>
      <c r="D407" s="54"/>
      <c r="E407" s="54"/>
      <c r="F407" s="6"/>
      <c r="G407" s="9"/>
      <c r="H407" s="20"/>
      <c r="I407" s="21"/>
      <c r="J407" s="8"/>
    </row>
    <row r="408" spans="1:10" ht="65" customHeight="1">
      <c r="A408" s="35"/>
      <c r="B408" s="35" t="s">
        <v>458</v>
      </c>
      <c r="C408" s="50" t="s">
        <v>4</v>
      </c>
      <c r="D408" s="50" t="s">
        <v>4</v>
      </c>
      <c r="E408" s="50"/>
      <c r="F408" s="6"/>
      <c r="G408" s="8" t="s">
        <v>573</v>
      </c>
      <c r="H408" s="17" t="s">
        <v>520</v>
      </c>
      <c r="I408" s="17" t="s">
        <v>247</v>
      </c>
      <c r="J408" s="8" t="s">
        <v>131</v>
      </c>
    </row>
    <row r="409" spans="1:10" ht="10.050000000000001" customHeight="1">
      <c r="A409" s="35"/>
      <c r="B409" s="35"/>
      <c r="C409" s="50"/>
      <c r="D409" s="50"/>
      <c r="E409" s="50"/>
      <c r="F409" s="6"/>
      <c r="G409" s="9"/>
      <c r="H409" s="11"/>
      <c r="I409" s="10"/>
      <c r="J409" s="8"/>
    </row>
    <row r="410" spans="1:10" ht="80" customHeight="1">
      <c r="A410" s="35"/>
      <c r="B410" s="35"/>
      <c r="C410" s="54"/>
      <c r="D410" s="54"/>
      <c r="E410" s="54"/>
      <c r="F410" s="6"/>
      <c r="G410" s="109" t="s">
        <v>894</v>
      </c>
      <c r="H410" s="110"/>
      <c r="I410" s="111"/>
      <c r="J410" s="8"/>
    </row>
    <row r="411" spans="1:10" ht="60" customHeight="1">
      <c r="A411" s="35"/>
      <c r="B411" s="35" t="s">
        <v>459</v>
      </c>
      <c r="C411" s="50" t="s">
        <v>4</v>
      </c>
      <c r="D411" s="50" t="s">
        <v>4</v>
      </c>
      <c r="E411" s="50" t="s">
        <v>4</v>
      </c>
      <c r="F411" s="6"/>
      <c r="G411" s="109" t="s">
        <v>798</v>
      </c>
      <c r="H411" s="110"/>
      <c r="I411" s="111"/>
      <c r="J411" s="8"/>
    </row>
    <row r="412" spans="1:10" ht="20" customHeight="1">
      <c r="A412" s="35" t="s">
        <v>406</v>
      </c>
      <c r="B412" s="35" t="s">
        <v>132</v>
      </c>
      <c r="C412" s="54"/>
      <c r="D412" s="54"/>
      <c r="E412" s="54"/>
      <c r="F412" s="6"/>
      <c r="G412" s="9" t="s">
        <v>566</v>
      </c>
      <c r="H412" s="20"/>
      <c r="I412" s="21"/>
      <c r="J412" s="8"/>
    </row>
    <row r="413" spans="1:10" ht="65" customHeight="1">
      <c r="A413" s="35"/>
      <c r="B413" s="35" t="s">
        <v>343</v>
      </c>
      <c r="C413" s="50" t="s">
        <v>4</v>
      </c>
      <c r="D413" s="50" t="s">
        <v>4</v>
      </c>
      <c r="E413" s="50" t="s">
        <v>4</v>
      </c>
      <c r="F413" s="6"/>
      <c r="G413" s="8" t="s">
        <v>673</v>
      </c>
      <c r="H413" s="17" t="s">
        <v>521</v>
      </c>
      <c r="I413" s="17" t="s">
        <v>246</v>
      </c>
      <c r="J413" s="8" t="s">
        <v>133</v>
      </c>
    </row>
    <row r="414" spans="1:10" ht="190.05" customHeight="1">
      <c r="A414" s="38"/>
      <c r="B414" s="38" t="s">
        <v>460</v>
      </c>
      <c r="C414" s="53" t="s">
        <v>4</v>
      </c>
      <c r="D414" s="53" t="s">
        <v>4</v>
      </c>
      <c r="E414" s="53" t="s">
        <v>4</v>
      </c>
      <c r="F414" s="24"/>
      <c r="G414" s="106" t="s">
        <v>799</v>
      </c>
      <c r="H414" s="107"/>
      <c r="I414" s="108"/>
      <c r="J414" s="17"/>
    </row>
    <row r="415" spans="1:10" ht="145.05000000000001" customHeight="1">
      <c r="A415" s="39"/>
      <c r="B415" s="39"/>
      <c r="C415" s="57"/>
      <c r="D415" s="57"/>
      <c r="E415" s="57"/>
      <c r="F415" s="33"/>
      <c r="G415" s="121" t="s">
        <v>800</v>
      </c>
      <c r="H415" s="122"/>
      <c r="I415" s="123"/>
      <c r="J415" s="18"/>
    </row>
    <row r="416" spans="1:10" ht="30" customHeight="1">
      <c r="A416" s="100" t="s">
        <v>751</v>
      </c>
      <c r="B416" s="35" t="s">
        <v>134</v>
      </c>
      <c r="C416" s="54"/>
      <c r="D416" s="54"/>
      <c r="E416" s="54"/>
      <c r="F416" s="6"/>
      <c r="G416" s="9"/>
      <c r="H416" s="20"/>
      <c r="I416" s="21"/>
      <c r="J416" s="8"/>
    </row>
    <row r="417" spans="1:10" ht="130.05000000000001" customHeight="1">
      <c r="A417" s="100"/>
      <c r="B417" s="35" t="s">
        <v>461</v>
      </c>
      <c r="C417" s="50" t="s">
        <v>4</v>
      </c>
      <c r="D417" s="50" t="s">
        <v>4</v>
      </c>
      <c r="E417" s="50" t="s">
        <v>4</v>
      </c>
      <c r="F417" s="6"/>
      <c r="G417" s="8" t="s">
        <v>801</v>
      </c>
      <c r="H417" s="17" t="s">
        <v>857</v>
      </c>
      <c r="I417" s="17" t="s">
        <v>245</v>
      </c>
      <c r="J417" s="8" t="s">
        <v>135</v>
      </c>
    </row>
    <row r="418" spans="1:10" ht="10.050000000000001" customHeight="1">
      <c r="A418" s="35"/>
      <c r="B418" s="35"/>
      <c r="C418" s="50"/>
      <c r="D418" s="50"/>
      <c r="E418" s="50"/>
      <c r="F418" s="6"/>
      <c r="G418" s="9"/>
      <c r="H418" s="11"/>
      <c r="I418" s="10"/>
      <c r="J418" s="8"/>
    </row>
    <row r="419" spans="1:10" ht="45" customHeight="1">
      <c r="A419" s="35"/>
      <c r="B419" s="100" t="s">
        <v>462</v>
      </c>
      <c r="C419" s="50" t="s">
        <v>4</v>
      </c>
      <c r="D419" s="50" t="s">
        <v>4</v>
      </c>
      <c r="E419" s="50" t="s">
        <v>4</v>
      </c>
      <c r="F419" s="6"/>
      <c r="G419" s="109" t="s">
        <v>574</v>
      </c>
      <c r="H419" s="110"/>
      <c r="I419" s="111"/>
      <c r="J419" s="8"/>
    </row>
    <row r="420" spans="1:10" ht="48" customHeight="1">
      <c r="A420" s="35"/>
      <c r="B420" s="100"/>
      <c r="C420" s="54"/>
      <c r="D420" s="54"/>
      <c r="E420" s="54"/>
      <c r="F420" s="6"/>
      <c r="G420" s="109" t="s">
        <v>895</v>
      </c>
      <c r="H420" s="110"/>
      <c r="I420" s="111"/>
      <c r="J420" s="8"/>
    </row>
    <row r="421" spans="1:10" ht="305" customHeight="1">
      <c r="A421" s="35"/>
      <c r="B421" s="35"/>
      <c r="C421" s="54"/>
      <c r="D421" s="54"/>
      <c r="E421" s="54"/>
      <c r="F421" s="6"/>
      <c r="G421" s="109" t="s">
        <v>945</v>
      </c>
      <c r="H421" s="110"/>
      <c r="I421" s="111"/>
      <c r="J421" s="8"/>
    </row>
    <row r="422" spans="1:10" ht="115.05" customHeight="1">
      <c r="A422" s="38"/>
      <c r="B422" s="38"/>
      <c r="C422" s="55"/>
      <c r="D422" s="55"/>
      <c r="E422" s="55"/>
      <c r="F422" s="6"/>
      <c r="G422" s="106" t="s">
        <v>802</v>
      </c>
      <c r="H422" s="107"/>
      <c r="I422" s="108"/>
      <c r="J422" s="17"/>
    </row>
    <row r="423" spans="1:10" ht="20" customHeight="1">
      <c r="A423" s="35" t="s">
        <v>136</v>
      </c>
      <c r="B423" s="35"/>
      <c r="C423" s="54"/>
      <c r="D423" s="54"/>
      <c r="E423" s="54"/>
      <c r="F423" s="6"/>
      <c r="G423" s="9"/>
      <c r="H423" s="11"/>
      <c r="I423" s="10"/>
      <c r="J423" s="8"/>
    </row>
    <row r="424" spans="1:10" ht="60" customHeight="1">
      <c r="A424" s="35" t="s">
        <v>407</v>
      </c>
      <c r="B424" s="35"/>
      <c r="C424" s="54"/>
      <c r="D424" s="54"/>
      <c r="E424" s="54"/>
      <c r="F424" s="6"/>
      <c r="G424" s="109" t="s">
        <v>740</v>
      </c>
      <c r="H424" s="110"/>
      <c r="I424" s="111"/>
      <c r="J424" s="8" t="s">
        <v>137</v>
      </c>
    </row>
    <row r="425" spans="1:10" ht="20" customHeight="1">
      <c r="A425" s="100" t="s">
        <v>408</v>
      </c>
      <c r="B425" s="35" t="s">
        <v>393</v>
      </c>
      <c r="C425" s="50"/>
      <c r="D425" s="50"/>
      <c r="E425" s="50"/>
      <c r="F425" s="6"/>
      <c r="G425" s="9"/>
      <c r="H425" s="20"/>
      <c r="I425" s="21"/>
      <c r="J425" s="8"/>
    </row>
    <row r="426" spans="1:10" ht="116.25" customHeight="1">
      <c r="A426" s="100"/>
      <c r="B426" s="35" t="s">
        <v>394</v>
      </c>
      <c r="C426" s="50" t="s">
        <v>4</v>
      </c>
      <c r="D426" s="50" t="s">
        <v>4</v>
      </c>
      <c r="E426" s="50"/>
      <c r="F426" s="6"/>
      <c r="G426" s="8" t="s">
        <v>575</v>
      </c>
      <c r="H426" s="8" t="s">
        <v>961</v>
      </c>
      <c r="I426" s="8" t="s">
        <v>138</v>
      </c>
      <c r="J426" s="8" t="s">
        <v>139</v>
      </c>
    </row>
    <row r="427" spans="1:10" ht="35" customHeight="1">
      <c r="A427" s="35"/>
      <c r="B427" s="35" t="s">
        <v>344</v>
      </c>
      <c r="C427" s="50" t="s">
        <v>4</v>
      </c>
      <c r="D427" s="50" t="s">
        <v>4</v>
      </c>
      <c r="E427" s="50"/>
      <c r="F427" s="6"/>
      <c r="G427" s="8" t="s">
        <v>576</v>
      </c>
      <c r="H427" s="8"/>
      <c r="I427" s="8"/>
      <c r="J427" s="8"/>
    </row>
    <row r="428" spans="1:10" ht="50" customHeight="1">
      <c r="A428" s="35"/>
      <c r="B428" s="35"/>
      <c r="C428" s="54"/>
      <c r="D428" s="54"/>
      <c r="E428" s="54"/>
      <c r="F428" s="6"/>
      <c r="G428" s="8" t="s">
        <v>577</v>
      </c>
      <c r="H428" s="8"/>
      <c r="I428" s="8"/>
      <c r="J428" s="8"/>
    </row>
    <row r="429" spans="1:10" ht="50" customHeight="1">
      <c r="A429" s="35"/>
      <c r="B429" s="35"/>
      <c r="C429" s="54"/>
      <c r="D429" s="54"/>
      <c r="E429" s="54"/>
      <c r="F429" s="6"/>
      <c r="G429" s="8" t="s">
        <v>578</v>
      </c>
      <c r="H429" s="8"/>
      <c r="I429" s="8"/>
      <c r="J429" s="8"/>
    </row>
    <row r="430" spans="1:10" ht="20" customHeight="1">
      <c r="A430" s="35"/>
      <c r="B430" s="35" t="s">
        <v>140</v>
      </c>
      <c r="C430" s="54"/>
      <c r="D430" s="54"/>
      <c r="E430" s="54"/>
      <c r="F430" s="6"/>
      <c r="G430" s="8"/>
      <c r="H430" s="8"/>
      <c r="I430" s="8"/>
      <c r="J430" s="8"/>
    </row>
    <row r="431" spans="1:10" ht="110" customHeight="1">
      <c r="A431" s="35"/>
      <c r="B431" s="35" t="s">
        <v>463</v>
      </c>
      <c r="C431" s="50" t="s">
        <v>4</v>
      </c>
      <c r="D431" s="50" t="s">
        <v>4</v>
      </c>
      <c r="E431" s="50"/>
      <c r="F431" s="6"/>
      <c r="G431" s="8" t="s">
        <v>697</v>
      </c>
      <c r="H431" s="8" t="s">
        <v>522</v>
      </c>
      <c r="I431" s="8" t="s">
        <v>141</v>
      </c>
      <c r="J431" s="8" t="s">
        <v>142</v>
      </c>
    </row>
    <row r="432" spans="1:10" ht="110" customHeight="1">
      <c r="A432" s="35"/>
      <c r="B432" s="35" t="s">
        <v>464</v>
      </c>
      <c r="C432" s="50" t="s">
        <v>4</v>
      </c>
      <c r="D432" s="50" t="s">
        <v>4</v>
      </c>
      <c r="E432" s="50"/>
      <c r="F432" s="6"/>
      <c r="G432" s="8" t="s">
        <v>803</v>
      </c>
      <c r="H432" s="8"/>
      <c r="I432" s="8"/>
      <c r="J432" s="8"/>
    </row>
    <row r="433" spans="1:10" ht="20" customHeight="1">
      <c r="A433" s="35" t="s">
        <v>409</v>
      </c>
      <c r="B433" s="35" t="s">
        <v>143</v>
      </c>
      <c r="C433" s="54"/>
      <c r="D433" s="54"/>
      <c r="E433" s="54"/>
      <c r="F433" s="6"/>
      <c r="G433" s="9"/>
      <c r="H433" s="8"/>
      <c r="I433" s="8"/>
      <c r="J433" s="8"/>
    </row>
    <row r="434" spans="1:10" ht="90" customHeight="1">
      <c r="A434" s="35"/>
      <c r="B434" s="35" t="s">
        <v>345</v>
      </c>
      <c r="C434" s="50" t="s">
        <v>4</v>
      </c>
      <c r="D434" s="50" t="s">
        <v>4</v>
      </c>
      <c r="E434" s="50"/>
      <c r="F434" s="6"/>
      <c r="G434" s="8" t="s">
        <v>804</v>
      </c>
      <c r="H434" s="17" t="s">
        <v>144</v>
      </c>
      <c r="I434" s="17" t="s">
        <v>145</v>
      </c>
      <c r="J434" s="8" t="s">
        <v>367</v>
      </c>
    </row>
    <row r="435" spans="1:10" ht="10.050000000000001" customHeight="1">
      <c r="A435" s="35"/>
      <c r="B435" s="35"/>
      <c r="C435" s="50"/>
      <c r="D435" s="50"/>
      <c r="E435" s="50"/>
      <c r="F435" s="6"/>
      <c r="G435" s="9"/>
      <c r="H435" s="11"/>
      <c r="I435" s="10"/>
      <c r="J435" s="8"/>
    </row>
    <row r="436" spans="1:10" ht="55.05" customHeight="1">
      <c r="A436" s="35"/>
      <c r="B436" s="35" t="s">
        <v>346</v>
      </c>
      <c r="C436" s="50" t="s">
        <v>4</v>
      </c>
      <c r="D436" s="50" t="s">
        <v>4</v>
      </c>
      <c r="E436" s="50"/>
      <c r="F436" s="6"/>
      <c r="G436" s="109" t="s">
        <v>805</v>
      </c>
      <c r="H436" s="110"/>
      <c r="I436" s="111"/>
      <c r="J436" s="8"/>
    </row>
    <row r="437" spans="1:10" ht="65" customHeight="1">
      <c r="A437" s="38"/>
      <c r="B437" s="38"/>
      <c r="C437" s="53"/>
      <c r="D437" s="53"/>
      <c r="E437" s="53"/>
      <c r="F437" s="24"/>
      <c r="G437" s="106" t="s">
        <v>579</v>
      </c>
      <c r="H437" s="107"/>
      <c r="I437" s="108"/>
      <c r="J437" s="17"/>
    </row>
    <row r="438" spans="1:10" ht="70.05" customHeight="1">
      <c r="A438" s="35"/>
      <c r="B438" s="49" t="s">
        <v>482</v>
      </c>
      <c r="C438" s="50" t="s">
        <v>4</v>
      </c>
      <c r="D438" s="50" t="s">
        <v>4</v>
      </c>
      <c r="E438" s="50" t="s">
        <v>4</v>
      </c>
      <c r="F438" s="6"/>
      <c r="G438" s="8" t="s">
        <v>580</v>
      </c>
      <c r="H438" s="17" t="s">
        <v>146</v>
      </c>
      <c r="I438" s="17" t="s">
        <v>147</v>
      </c>
      <c r="J438" s="8"/>
    </row>
    <row r="439" spans="1:10" ht="10.050000000000001" customHeight="1">
      <c r="A439" s="35"/>
      <c r="B439" s="35"/>
      <c r="C439" s="50"/>
      <c r="D439" s="50"/>
      <c r="E439" s="50"/>
      <c r="F439" s="6"/>
      <c r="G439" s="9"/>
      <c r="H439" s="11"/>
      <c r="I439" s="10"/>
      <c r="J439" s="8"/>
    </row>
    <row r="440" spans="1:10" ht="100.05" customHeight="1">
      <c r="A440" s="35"/>
      <c r="B440" s="35"/>
      <c r="C440" s="54"/>
      <c r="D440" s="54"/>
      <c r="E440" s="54"/>
      <c r="F440" s="6"/>
      <c r="G440" s="109" t="s">
        <v>698</v>
      </c>
      <c r="H440" s="110"/>
      <c r="I440" s="111"/>
      <c r="J440" s="8"/>
    </row>
    <row r="441" spans="1:10" ht="290" customHeight="1">
      <c r="A441" s="35"/>
      <c r="B441" s="35"/>
      <c r="C441" s="54"/>
      <c r="D441" s="54"/>
      <c r="E441" s="54"/>
      <c r="F441" s="6"/>
      <c r="G441" s="109" t="s">
        <v>965</v>
      </c>
      <c r="H441" s="110"/>
      <c r="I441" s="111"/>
      <c r="J441" s="8"/>
    </row>
    <row r="442" spans="1:10" ht="115.5" customHeight="1">
      <c r="A442" s="35"/>
      <c r="B442" s="35"/>
      <c r="C442" s="54"/>
      <c r="D442" s="54"/>
      <c r="E442" s="54"/>
      <c r="F442" s="6"/>
      <c r="G442" s="109" t="s">
        <v>806</v>
      </c>
      <c r="H442" s="110"/>
      <c r="I442" s="111"/>
      <c r="J442" s="8"/>
    </row>
    <row r="443" spans="1:10" ht="15" customHeight="1">
      <c r="A443" s="35"/>
      <c r="B443" s="35" t="s">
        <v>148</v>
      </c>
      <c r="C443" s="54"/>
      <c r="D443" s="54"/>
      <c r="E443" s="54"/>
      <c r="F443" s="6"/>
      <c r="G443" s="9"/>
      <c r="H443" s="20"/>
      <c r="I443" s="21"/>
      <c r="J443" s="8"/>
    </row>
    <row r="444" spans="1:10" ht="60" customHeight="1">
      <c r="A444" s="35"/>
      <c r="B444" s="35" t="s">
        <v>465</v>
      </c>
      <c r="C444" s="50" t="s">
        <v>4</v>
      </c>
      <c r="D444" s="50" t="s">
        <v>4</v>
      </c>
      <c r="E444" s="50"/>
      <c r="F444" s="6"/>
      <c r="G444" s="8" t="s">
        <v>807</v>
      </c>
      <c r="H444" s="17" t="s">
        <v>149</v>
      </c>
      <c r="I444" s="17" t="s">
        <v>244</v>
      </c>
      <c r="J444" s="8" t="s">
        <v>368</v>
      </c>
    </row>
    <row r="445" spans="1:10" ht="10.050000000000001" customHeight="1">
      <c r="A445" s="35"/>
      <c r="B445" s="35"/>
      <c r="C445" s="50"/>
      <c r="D445" s="50"/>
      <c r="E445" s="50"/>
      <c r="F445" s="6"/>
      <c r="G445" s="9"/>
      <c r="H445" s="19"/>
      <c r="I445" s="30"/>
      <c r="J445" s="8"/>
    </row>
    <row r="446" spans="1:10" ht="150" customHeight="1">
      <c r="A446" s="38"/>
      <c r="B446" s="38"/>
      <c r="C446" s="55"/>
      <c r="D446" s="55"/>
      <c r="E446" s="55"/>
      <c r="F446" s="6"/>
      <c r="G446" s="106" t="s">
        <v>808</v>
      </c>
      <c r="H446" s="107"/>
      <c r="I446" s="108"/>
      <c r="J446" s="17"/>
    </row>
    <row r="447" spans="1:10" ht="18" customHeight="1">
      <c r="A447" s="35"/>
      <c r="B447" s="36" t="s">
        <v>150</v>
      </c>
      <c r="C447" s="54"/>
      <c r="D447" s="54"/>
      <c r="E447" s="54"/>
      <c r="F447" s="6"/>
      <c r="G447" s="8"/>
      <c r="H447" s="8"/>
      <c r="I447" s="8"/>
      <c r="J447" s="8"/>
    </row>
    <row r="448" spans="1:10" ht="94.5">
      <c r="A448" s="35"/>
      <c r="B448" s="36" t="s">
        <v>153</v>
      </c>
      <c r="C448" s="50" t="s">
        <v>4</v>
      </c>
      <c r="D448" s="50" t="s">
        <v>4</v>
      </c>
      <c r="E448" s="50"/>
      <c r="F448" s="6"/>
      <c r="G448" s="8" t="s">
        <v>809</v>
      </c>
      <c r="H448" s="17" t="s">
        <v>149</v>
      </c>
      <c r="I448" s="17" t="s">
        <v>151</v>
      </c>
      <c r="J448" s="8" t="s">
        <v>152</v>
      </c>
    </row>
    <row r="449" spans="1:10" ht="10.050000000000001" customHeight="1">
      <c r="A449" s="35"/>
      <c r="B449" s="36"/>
      <c r="C449" s="50"/>
      <c r="D449" s="50"/>
      <c r="E449" s="50"/>
      <c r="F449" s="6"/>
      <c r="G449" s="9"/>
      <c r="H449" s="19"/>
      <c r="I449" s="30"/>
      <c r="J449" s="8"/>
    </row>
    <row r="450" spans="1:10" ht="130.05000000000001" customHeight="1">
      <c r="A450" s="35"/>
      <c r="B450" s="35"/>
      <c r="C450" s="54"/>
      <c r="D450" s="54"/>
      <c r="E450" s="54"/>
      <c r="F450" s="6"/>
      <c r="G450" s="109" t="s">
        <v>581</v>
      </c>
      <c r="H450" s="110"/>
      <c r="I450" s="111"/>
      <c r="J450" s="8"/>
    </row>
    <row r="451" spans="1:10" ht="17" customHeight="1">
      <c r="A451" s="35"/>
      <c r="B451" s="35" t="s">
        <v>154</v>
      </c>
      <c r="C451" s="54"/>
      <c r="D451" s="54"/>
      <c r="E451" s="54"/>
      <c r="F451" s="6"/>
      <c r="G451" s="9"/>
      <c r="H451" s="20"/>
      <c r="I451" s="21"/>
      <c r="J451" s="8"/>
    </row>
    <row r="452" spans="1:10" ht="65" customHeight="1">
      <c r="A452" s="35"/>
      <c r="B452" s="36" t="s">
        <v>155</v>
      </c>
      <c r="C452" s="50" t="s">
        <v>4</v>
      </c>
      <c r="D452" s="50" t="s">
        <v>4</v>
      </c>
      <c r="E452" s="50"/>
      <c r="F452" s="6"/>
      <c r="G452" s="8" t="s">
        <v>810</v>
      </c>
      <c r="H452" s="8" t="s">
        <v>149</v>
      </c>
      <c r="I452" s="8" t="s">
        <v>156</v>
      </c>
      <c r="J452" s="8"/>
    </row>
    <row r="453" spans="1:10" ht="40.049999999999997" customHeight="1">
      <c r="A453" s="35"/>
      <c r="B453" s="35"/>
      <c r="C453" s="54"/>
      <c r="D453" s="54"/>
      <c r="E453" s="54"/>
      <c r="F453" s="6"/>
      <c r="G453" s="8" t="s">
        <v>811</v>
      </c>
      <c r="H453" s="8"/>
      <c r="I453" s="8"/>
      <c r="J453" s="8"/>
    </row>
    <row r="454" spans="1:10" ht="38" customHeight="1">
      <c r="A454" s="35"/>
      <c r="B454" s="36" t="s">
        <v>158</v>
      </c>
      <c r="C454" s="50" t="s">
        <v>4</v>
      </c>
      <c r="D454" s="50" t="s">
        <v>4</v>
      </c>
      <c r="E454" s="50"/>
      <c r="F454" s="6"/>
      <c r="G454" s="8" t="s">
        <v>582</v>
      </c>
      <c r="H454" s="8" t="s">
        <v>157</v>
      </c>
      <c r="I454" s="8" t="s">
        <v>243</v>
      </c>
      <c r="J454" s="8"/>
    </row>
    <row r="455" spans="1:10" ht="50" customHeight="1">
      <c r="A455" s="35"/>
      <c r="B455" s="35"/>
      <c r="C455" s="54"/>
      <c r="D455" s="54"/>
      <c r="E455" s="54"/>
      <c r="F455" s="6"/>
      <c r="G455" s="109" t="s">
        <v>417</v>
      </c>
      <c r="H455" s="91"/>
      <c r="I455" s="91"/>
      <c r="J455" s="10"/>
    </row>
    <row r="456" spans="1:10" ht="58.05" customHeight="1">
      <c r="A456" s="35"/>
      <c r="B456" s="35"/>
      <c r="C456" s="54"/>
      <c r="D456" s="54"/>
      <c r="E456" s="54"/>
      <c r="F456" s="6"/>
      <c r="G456" s="109"/>
      <c r="H456" s="8"/>
      <c r="I456" s="8"/>
      <c r="J456" s="10"/>
    </row>
    <row r="457" spans="1:10" ht="88.05" customHeight="1">
      <c r="A457" s="35"/>
      <c r="B457" s="35" t="s">
        <v>466</v>
      </c>
      <c r="C457" s="50" t="s">
        <v>4</v>
      </c>
      <c r="D457" s="50" t="s">
        <v>4</v>
      </c>
      <c r="E457" s="50"/>
      <c r="F457" s="6"/>
      <c r="G457" s="8" t="s">
        <v>583</v>
      </c>
      <c r="H457" s="17" t="s">
        <v>159</v>
      </c>
      <c r="I457" s="17" t="s">
        <v>160</v>
      </c>
      <c r="J457" s="8"/>
    </row>
    <row r="458" spans="1:10" ht="10.050000000000001" customHeight="1">
      <c r="A458" s="35"/>
      <c r="B458" s="35"/>
      <c r="C458" s="50"/>
      <c r="D458" s="50"/>
      <c r="E458" s="50"/>
      <c r="F458" s="6"/>
      <c r="G458" s="9"/>
      <c r="H458" s="11"/>
      <c r="I458" s="10"/>
      <c r="J458" s="8"/>
    </row>
    <row r="459" spans="1:10" ht="90" customHeight="1">
      <c r="A459" s="35"/>
      <c r="B459" s="35"/>
      <c r="C459" s="54"/>
      <c r="D459" s="54"/>
      <c r="E459" s="54"/>
      <c r="F459" s="6"/>
      <c r="G459" s="109" t="s">
        <v>584</v>
      </c>
      <c r="H459" s="110"/>
      <c r="I459" s="111"/>
      <c r="J459" s="8"/>
    </row>
    <row r="460" spans="1:10" ht="120" customHeight="1">
      <c r="A460" s="38"/>
      <c r="B460" s="38" t="s">
        <v>756</v>
      </c>
      <c r="C460" s="53" t="s">
        <v>4</v>
      </c>
      <c r="D460" s="53" t="s">
        <v>4</v>
      </c>
      <c r="E460" s="53"/>
      <c r="F460" s="24"/>
      <c r="G460" s="17" t="s">
        <v>699</v>
      </c>
      <c r="H460" s="14" t="s">
        <v>161</v>
      </c>
      <c r="I460" s="14" t="s">
        <v>162</v>
      </c>
      <c r="J460" s="17"/>
    </row>
    <row r="461" spans="1:10" ht="140" customHeight="1">
      <c r="A461" s="39"/>
      <c r="B461" s="39"/>
      <c r="C461" s="57"/>
      <c r="D461" s="57"/>
      <c r="E461" s="57"/>
      <c r="F461" s="33"/>
      <c r="G461" s="121" t="s">
        <v>700</v>
      </c>
      <c r="H461" s="122"/>
      <c r="I461" s="123"/>
      <c r="J461" s="18" t="s">
        <v>474</v>
      </c>
    </row>
    <row r="462" spans="1:10" ht="20" customHeight="1">
      <c r="A462" s="35"/>
      <c r="B462" s="35" t="s">
        <v>163</v>
      </c>
      <c r="C462" s="54"/>
      <c r="D462" s="54"/>
      <c r="E462" s="54"/>
      <c r="F462" s="6"/>
      <c r="G462" s="9"/>
      <c r="H462" s="20"/>
      <c r="I462" s="21"/>
      <c r="J462" s="8"/>
    </row>
    <row r="463" spans="1:10" ht="63">
      <c r="A463" s="35"/>
      <c r="B463" s="36" t="s">
        <v>155</v>
      </c>
      <c r="C463" s="50" t="s">
        <v>4</v>
      </c>
      <c r="D463" s="50" t="s">
        <v>4</v>
      </c>
      <c r="E463" s="50"/>
      <c r="F463" s="6"/>
      <c r="G463" s="8" t="s">
        <v>585</v>
      </c>
      <c r="H463" s="8" t="s">
        <v>149</v>
      </c>
      <c r="I463" s="8" t="s">
        <v>164</v>
      </c>
      <c r="J463" s="8"/>
    </row>
    <row r="464" spans="1:10" ht="21">
      <c r="A464" s="35"/>
      <c r="B464" s="36" t="s">
        <v>165</v>
      </c>
      <c r="C464" s="50" t="s">
        <v>4</v>
      </c>
      <c r="D464" s="50" t="s">
        <v>4</v>
      </c>
      <c r="E464" s="50"/>
      <c r="F464" s="6"/>
      <c r="G464" s="8"/>
      <c r="H464" s="10" t="s">
        <v>166</v>
      </c>
      <c r="I464" s="8" t="s">
        <v>242</v>
      </c>
      <c r="J464" s="8"/>
    </row>
    <row r="465" spans="1:10" ht="70.05" customHeight="1">
      <c r="A465" s="35"/>
      <c r="B465" s="35"/>
      <c r="C465" s="54"/>
      <c r="D465" s="54"/>
      <c r="E465" s="54"/>
      <c r="F465" s="6"/>
      <c r="G465" s="8" t="s">
        <v>418</v>
      </c>
      <c r="H465" s="8"/>
      <c r="I465" s="10"/>
      <c r="J465" s="10"/>
    </row>
    <row r="466" spans="1:10" ht="65" customHeight="1">
      <c r="A466" s="35"/>
      <c r="B466" s="35"/>
      <c r="C466" s="54"/>
      <c r="D466" s="54"/>
      <c r="E466" s="54"/>
      <c r="F466" s="6"/>
      <c r="G466" s="8"/>
      <c r="H466" s="8"/>
      <c r="I466" s="10"/>
      <c r="J466" s="10"/>
    </row>
    <row r="467" spans="1:10" ht="105" customHeight="1">
      <c r="A467" s="35"/>
      <c r="B467" s="36" t="s">
        <v>168</v>
      </c>
      <c r="C467" s="50" t="s">
        <v>4</v>
      </c>
      <c r="D467" s="50" t="s">
        <v>4</v>
      </c>
      <c r="E467" s="50"/>
      <c r="F467" s="6"/>
      <c r="G467" s="8" t="s">
        <v>586</v>
      </c>
      <c r="H467" s="17" t="s">
        <v>896</v>
      </c>
      <c r="I467" s="17" t="s">
        <v>167</v>
      </c>
      <c r="J467" s="8"/>
    </row>
    <row r="468" spans="1:10" ht="10.050000000000001" customHeight="1">
      <c r="A468" s="35"/>
      <c r="B468" s="36"/>
      <c r="C468" s="50"/>
      <c r="D468" s="50"/>
      <c r="E468" s="50"/>
      <c r="F468" s="6"/>
      <c r="G468" s="9"/>
      <c r="H468" s="11"/>
      <c r="I468" s="10"/>
      <c r="J468" s="8"/>
    </row>
    <row r="469" spans="1:10" ht="60" customHeight="1">
      <c r="A469" s="35"/>
      <c r="B469" s="35"/>
      <c r="C469" s="54"/>
      <c r="D469" s="54"/>
      <c r="E469" s="54"/>
      <c r="F469" s="6"/>
      <c r="G469" s="109" t="s">
        <v>587</v>
      </c>
      <c r="H469" s="110"/>
      <c r="I469" s="111"/>
      <c r="J469" s="8"/>
    </row>
    <row r="470" spans="1:10" ht="50" customHeight="1">
      <c r="A470" s="35"/>
      <c r="B470" s="35" t="s">
        <v>169</v>
      </c>
      <c r="C470" s="50" t="s">
        <v>4</v>
      </c>
      <c r="D470" s="50" t="s">
        <v>4</v>
      </c>
      <c r="E470" s="50" t="s">
        <v>4</v>
      </c>
      <c r="F470" s="6"/>
      <c r="G470" s="8" t="s">
        <v>588</v>
      </c>
      <c r="H470" s="14" t="s">
        <v>170</v>
      </c>
      <c r="I470" s="14" t="s">
        <v>171</v>
      </c>
      <c r="J470" s="8"/>
    </row>
    <row r="471" spans="1:10" ht="10.050000000000001" customHeight="1">
      <c r="A471" s="35"/>
      <c r="B471" s="35"/>
      <c r="C471" s="50"/>
      <c r="D471" s="50"/>
      <c r="E471" s="50"/>
      <c r="F471" s="6"/>
      <c r="G471" s="9"/>
      <c r="H471" s="11"/>
      <c r="I471" s="10"/>
      <c r="J471" s="8"/>
    </row>
    <row r="472" spans="1:10" ht="50" customHeight="1">
      <c r="A472" s="35"/>
      <c r="B472" s="35"/>
      <c r="C472" s="54"/>
      <c r="D472" s="54"/>
      <c r="E472" s="54"/>
      <c r="F472" s="6"/>
      <c r="G472" s="109" t="s">
        <v>589</v>
      </c>
      <c r="H472" s="110"/>
      <c r="I472" s="111"/>
      <c r="J472" s="8"/>
    </row>
    <row r="473" spans="1:10" ht="50" customHeight="1">
      <c r="A473" s="35"/>
      <c r="B473" s="35"/>
      <c r="C473" s="54"/>
      <c r="D473" s="54"/>
      <c r="E473" s="54"/>
      <c r="F473" s="6"/>
      <c r="G473" s="109" t="s">
        <v>590</v>
      </c>
      <c r="H473" s="110"/>
      <c r="I473" s="111"/>
      <c r="J473" s="8"/>
    </row>
    <row r="474" spans="1:10" ht="110" customHeight="1">
      <c r="A474" s="38"/>
      <c r="B474" s="38"/>
      <c r="C474" s="55"/>
      <c r="D474" s="55"/>
      <c r="E474" s="55"/>
      <c r="F474" s="6"/>
      <c r="G474" s="106" t="s">
        <v>812</v>
      </c>
      <c r="H474" s="107"/>
      <c r="I474" s="108"/>
      <c r="J474" s="17"/>
    </row>
    <row r="475" spans="1:10" ht="20" customHeight="1">
      <c r="A475" s="35"/>
      <c r="B475" s="35" t="s">
        <v>172</v>
      </c>
      <c r="C475" s="54"/>
      <c r="D475" s="54"/>
      <c r="E475" s="54"/>
      <c r="F475" s="6"/>
      <c r="G475" s="9"/>
      <c r="H475" s="18"/>
      <c r="I475" s="10"/>
      <c r="J475" s="8"/>
    </row>
    <row r="476" spans="1:10" ht="30" customHeight="1">
      <c r="A476" s="35"/>
      <c r="B476" s="36" t="s">
        <v>155</v>
      </c>
      <c r="C476" s="50" t="s">
        <v>4</v>
      </c>
      <c r="D476" s="50" t="s">
        <v>4</v>
      </c>
      <c r="E476" s="50"/>
      <c r="F476" s="6"/>
      <c r="G476" s="8" t="s">
        <v>591</v>
      </c>
      <c r="H476" s="8" t="s">
        <v>173</v>
      </c>
      <c r="I476" s="8" t="s">
        <v>174</v>
      </c>
      <c r="J476" s="8" t="s">
        <v>152</v>
      </c>
    </row>
    <row r="477" spans="1:10" ht="60" customHeight="1">
      <c r="A477" s="35"/>
      <c r="B477" s="36" t="s">
        <v>176</v>
      </c>
      <c r="C477" s="50" t="s">
        <v>4</v>
      </c>
      <c r="D477" s="50" t="s">
        <v>4</v>
      </c>
      <c r="E477" s="50"/>
      <c r="F477" s="6"/>
      <c r="G477" s="8" t="s">
        <v>592</v>
      </c>
      <c r="H477" s="8" t="s">
        <v>175</v>
      </c>
      <c r="I477" s="8" t="s">
        <v>708</v>
      </c>
      <c r="J477" s="8"/>
    </row>
    <row r="478" spans="1:10" ht="35" customHeight="1">
      <c r="A478" s="35"/>
      <c r="B478" s="35"/>
      <c r="C478" s="54"/>
      <c r="D478" s="54"/>
      <c r="E478" s="54"/>
      <c r="F478" s="6"/>
      <c r="G478" s="8" t="s">
        <v>593</v>
      </c>
      <c r="H478" s="8"/>
      <c r="I478" s="8"/>
      <c r="J478" s="8"/>
    </row>
    <row r="479" spans="1:10" ht="75" customHeight="1">
      <c r="A479" s="35"/>
      <c r="B479" s="35"/>
      <c r="C479" s="54"/>
      <c r="D479" s="54"/>
      <c r="E479" s="54"/>
      <c r="F479" s="6"/>
      <c r="G479" s="8" t="s">
        <v>419</v>
      </c>
      <c r="H479" s="8"/>
      <c r="I479" s="8"/>
      <c r="J479" s="8"/>
    </row>
    <row r="480" spans="1:10" ht="110" customHeight="1">
      <c r="A480" s="35"/>
      <c r="B480" s="35" t="s">
        <v>177</v>
      </c>
      <c r="C480" s="50" t="s">
        <v>4</v>
      </c>
      <c r="D480" s="50" t="s">
        <v>4</v>
      </c>
      <c r="E480" s="50"/>
      <c r="F480" s="6"/>
      <c r="G480" s="8" t="s">
        <v>594</v>
      </c>
      <c r="H480" s="8" t="s">
        <v>858</v>
      </c>
      <c r="I480" s="8" t="s">
        <v>178</v>
      </c>
      <c r="J480" s="8"/>
    </row>
    <row r="481" spans="1:10" ht="150" customHeight="1">
      <c r="A481" s="35"/>
      <c r="B481" s="35" t="s">
        <v>179</v>
      </c>
      <c r="C481" s="50" t="s">
        <v>4</v>
      </c>
      <c r="D481" s="50" t="s">
        <v>4</v>
      </c>
      <c r="E481" s="50" t="s">
        <v>4</v>
      </c>
      <c r="F481" s="6"/>
      <c r="G481" s="8" t="s">
        <v>595</v>
      </c>
      <c r="H481" s="8" t="s">
        <v>897</v>
      </c>
      <c r="I481" s="8" t="s">
        <v>180</v>
      </c>
      <c r="J481" s="8"/>
    </row>
    <row r="482" spans="1:10" ht="108" customHeight="1">
      <c r="A482" s="35"/>
      <c r="B482" s="35" t="s">
        <v>181</v>
      </c>
      <c r="C482" s="50" t="s">
        <v>4</v>
      </c>
      <c r="D482" s="50" t="s">
        <v>4</v>
      </c>
      <c r="E482" s="50"/>
      <c r="F482" s="6"/>
      <c r="G482" s="8" t="s">
        <v>813</v>
      </c>
      <c r="H482" s="17" t="s">
        <v>859</v>
      </c>
      <c r="I482" s="17" t="s">
        <v>182</v>
      </c>
      <c r="J482" s="8"/>
    </row>
    <row r="483" spans="1:10" ht="10.050000000000001" customHeight="1">
      <c r="A483" s="35"/>
      <c r="B483" s="35"/>
      <c r="C483" s="50"/>
      <c r="D483" s="50"/>
      <c r="E483" s="50"/>
      <c r="F483" s="6"/>
      <c r="G483" s="9"/>
      <c r="H483" s="11"/>
      <c r="I483" s="10"/>
      <c r="J483" s="8"/>
    </row>
    <row r="484" spans="1:10" ht="40.049999999999997" customHeight="1">
      <c r="A484" s="35"/>
      <c r="B484" s="35"/>
      <c r="C484" s="54"/>
      <c r="D484" s="54"/>
      <c r="E484" s="54"/>
      <c r="F484" s="6"/>
      <c r="G484" s="109" t="s">
        <v>596</v>
      </c>
      <c r="H484" s="110"/>
      <c r="I484" s="111"/>
      <c r="J484" s="8"/>
    </row>
    <row r="485" spans="1:10" ht="95" customHeight="1">
      <c r="A485" s="35"/>
      <c r="B485" s="35"/>
      <c r="C485" s="54"/>
      <c r="D485" s="54"/>
      <c r="E485" s="54"/>
      <c r="F485" s="6"/>
      <c r="G485" s="109" t="s">
        <v>597</v>
      </c>
      <c r="H485" s="110"/>
      <c r="I485" s="111"/>
      <c r="J485" s="8"/>
    </row>
    <row r="486" spans="1:10" ht="45" customHeight="1">
      <c r="A486" s="35"/>
      <c r="B486" s="35"/>
      <c r="C486" s="54"/>
      <c r="D486" s="54"/>
      <c r="E486" s="54"/>
      <c r="F486" s="6"/>
      <c r="G486" s="109" t="s">
        <v>598</v>
      </c>
      <c r="H486" s="110"/>
      <c r="I486" s="111"/>
      <c r="J486" s="8"/>
    </row>
    <row r="487" spans="1:10" ht="45" customHeight="1">
      <c r="A487" s="38"/>
      <c r="B487" s="38"/>
      <c r="C487" s="55"/>
      <c r="D487" s="55"/>
      <c r="E487" s="55"/>
      <c r="F487" s="24"/>
      <c r="G487" s="106" t="s">
        <v>599</v>
      </c>
      <c r="H487" s="107"/>
      <c r="I487" s="108"/>
      <c r="J487" s="17"/>
    </row>
    <row r="488" spans="1:10" ht="70.05" customHeight="1">
      <c r="A488" s="35"/>
      <c r="B488" s="35" t="s">
        <v>183</v>
      </c>
      <c r="C488" s="50" t="s">
        <v>4</v>
      </c>
      <c r="D488" s="50" t="s">
        <v>4</v>
      </c>
      <c r="E488" s="50" t="s">
        <v>4</v>
      </c>
      <c r="F488" s="6"/>
      <c r="G488" s="8" t="s">
        <v>600</v>
      </c>
      <c r="H488" s="17" t="s">
        <v>523</v>
      </c>
      <c r="I488" s="17" t="s">
        <v>184</v>
      </c>
      <c r="J488" s="8" t="s">
        <v>152</v>
      </c>
    </row>
    <row r="489" spans="1:10" ht="10.050000000000001" customHeight="1">
      <c r="A489" s="35"/>
      <c r="B489" s="35"/>
      <c r="C489" s="50"/>
      <c r="D489" s="50"/>
      <c r="E489" s="50"/>
      <c r="F489" s="6"/>
      <c r="G489" s="9"/>
      <c r="H489" s="11"/>
      <c r="I489" s="10"/>
      <c r="J489" s="8"/>
    </row>
    <row r="490" spans="1:10" ht="80" customHeight="1">
      <c r="A490" s="35"/>
      <c r="B490" s="35"/>
      <c r="C490" s="54"/>
      <c r="D490" s="54"/>
      <c r="E490" s="54"/>
      <c r="F490" s="6"/>
      <c r="G490" s="109" t="s">
        <v>841</v>
      </c>
      <c r="H490" s="110"/>
      <c r="I490" s="111"/>
      <c r="J490" s="8"/>
    </row>
    <row r="491" spans="1:10" ht="70.05" customHeight="1">
      <c r="A491" s="35"/>
      <c r="B491" s="35"/>
      <c r="C491" s="54"/>
      <c r="D491" s="54"/>
      <c r="E491" s="54"/>
      <c r="F491" s="6"/>
      <c r="G491" s="109"/>
      <c r="H491" s="110"/>
      <c r="I491" s="111"/>
      <c r="J491" s="8"/>
    </row>
    <row r="492" spans="1:10" ht="120" customHeight="1">
      <c r="A492" s="35"/>
      <c r="B492" s="35" t="s">
        <v>185</v>
      </c>
      <c r="C492" s="50" t="s">
        <v>4</v>
      </c>
      <c r="D492" s="50" t="s">
        <v>4</v>
      </c>
      <c r="E492" s="50" t="s">
        <v>4</v>
      </c>
      <c r="F492" s="6"/>
      <c r="G492" s="8" t="s">
        <v>601</v>
      </c>
      <c r="H492" s="18" t="s">
        <v>959</v>
      </c>
      <c r="I492" s="18" t="s">
        <v>186</v>
      </c>
      <c r="J492" s="8"/>
    </row>
    <row r="493" spans="1:10" ht="38" customHeight="1">
      <c r="A493" s="35"/>
      <c r="B493" s="35" t="s">
        <v>187</v>
      </c>
      <c r="C493" s="50" t="s">
        <v>4</v>
      </c>
      <c r="D493" s="50" t="s">
        <v>4</v>
      </c>
      <c r="E493" s="50" t="s">
        <v>4</v>
      </c>
      <c r="F493" s="6"/>
      <c r="G493" s="8" t="s">
        <v>602</v>
      </c>
      <c r="H493" s="116" t="s">
        <v>960</v>
      </c>
      <c r="I493" s="8" t="s">
        <v>189</v>
      </c>
      <c r="J493" s="8"/>
    </row>
    <row r="494" spans="1:10" ht="55.05" customHeight="1">
      <c r="A494" s="35"/>
      <c r="B494" s="35"/>
      <c r="C494" s="54"/>
      <c r="D494" s="54"/>
      <c r="E494" s="54"/>
      <c r="F494" s="6"/>
      <c r="G494" s="8" t="s">
        <v>701</v>
      </c>
      <c r="H494" s="116"/>
      <c r="I494" s="8"/>
      <c r="J494" s="8"/>
    </row>
    <row r="495" spans="1:10" ht="55.05" customHeight="1">
      <c r="A495" s="35"/>
      <c r="B495" s="35"/>
      <c r="C495" s="54"/>
      <c r="D495" s="54"/>
      <c r="E495" s="54"/>
      <c r="F495" s="6"/>
      <c r="G495" s="8" t="s">
        <v>603</v>
      </c>
      <c r="H495" s="116"/>
      <c r="I495" s="8"/>
      <c r="J495" s="8"/>
    </row>
    <row r="496" spans="1:10" ht="48" customHeight="1">
      <c r="A496" s="35"/>
      <c r="B496" s="35" t="s">
        <v>188</v>
      </c>
      <c r="C496" s="50" t="s">
        <v>4</v>
      </c>
      <c r="D496" s="50" t="s">
        <v>4</v>
      </c>
      <c r="E496" s="50"/>
      <c r="F496" s="6"/>
      <c r="G496" s="8" t="s">
        <v>604</v>
      </c>
      <c r="H496" s="8"/>
      <c r="I496" s="8" t="s">
        <v>190</v>
      </c>
      <c r="J496" s="8"/>
    </row>
    <row r="497" spans="1:10" ht="10.050000000000001" customHeight="1">
      <c r="A497" s="35"/>
      <c r="B497" s="35"/>
      <c r="C497" s="50"/>
      <c r="D497" s="50"/>
      <c r="E497" s="50"/>
      <c r="F497" s="6"/>
      <c r="G497" s="8"/>
      <c r="H497" s="8"/>
      <c r="I497" s="8"/>
      <c r="J497" s="8"/>
    </row>
    <row r="498" spans="1:10" ht="115.5">
      <c r="A498" s="35"/>
      <c r="B498" s="35" t="s">
        <v>191</v>
      </c>
      <c r="C498" s="50" t="s">
        <v>4</v>
      </c>
      <c r="D498" s="50" t="s">
        <v>4</v>
      </c>
      <c r="E498" s="50" t="s">
        <v>4</v>
      </c>
      <c r="F498" s="6"/>
      <c r="G498" s="8" t="s">
        <v>702</v>
      </c>
      <c r="H498" s="17" t="s">
        <v>846</v>
      </c>
      <c r="I498" s="17" t="s">
        <v>241</v>
      </c>
      <c r="J498" s="8"/>
    </row>
    <row r="499" spans="1:10" ht="10.050000000000001" customHeight="1">
      <c r="A499" s="35"/>
      <c r="B499" s="35"/>
      <c r="C499" s="50"/>
      <c r="D499" s="50"/>
      <c r="E499" s="50"/>
      <c r="F499" s="6"/>
      <c r="G499" s="9"/>
      <c r="H499" s="11"/>
      <c r="I499" s="10"/>
      <c r="J499" s="8"/>
    </row>
    <row r="500" spans="1:10" ht="40.049999999999997" customHeight="1">
      <c r="A500" s="35"/>
      <c r="B500" s="35"/>
      <c r="C500" s="54"/>
      <c r="D500" s="54"/>
      <c r="E500" s="54"/>
      <c r="F500" s="6"/>
      <c r="G500" s="109" t="s">
        <v>605</v>
      </c>
      <c r="H500" s="110"/>
      <c r="I500" s="111"/>
      <c r="J500" s="8"/>
    </row>
    <row r="501" spans="1:10" ht="20" customHeight="1">
      <c r="A501" s="35"/>
      <c r="B501" s="35"/>
      <c r="C501" s="54"/>
      <c r="D501" s="54"/>
      <c r="E501" s="54"/>
      <c r="F501" s="6"/>
      <c r="G501" s="109" t="s">
        <v>192</v>
      </c>
      <c r="H501" s="110"/>
      <c r="I501" s="111"/>
      <c r="J501" s="8"/>
    </row>
    <row r="502" spans="1:10" ht="60" customHeight="1">
      <c r="A502" s="35"/>
      <c r="B502" s="35"/>
      <c r="C502" s="54"/>
      <c r="D502" s="54"/>
      <c r="E502" s="54"/>
      <c r="F502" s="6"/>
      <c r="G502" s="109" t="s">
        <v>814</v>
      </c>
      <c r="H502" s="110"/>
      <c r="I502" s="111"/>
      <c r="J502" s="8"/>
    </row>
    <row r="503" spans="1:10" ht="20" customHeight="1">
      <c r="A503" s="38"/>
      <c r="B503" s="38"/>
      <c r="C503" s="55"/>
      <c r="D503" s="55"/>
      <c r="E503" s="55"/>
      <c r="F503" s="24"/>
      <c r="G503" s="106" t="s">
        <v>193</v>
      </c>
      <c r="H503" s="107"/>
      <c r="I503" s="108"/>
      <c r="J503" s="17"/>
    </row>
    <row r="504" spans="1:10" ht="117" customHeight="1">
      <c r="A504" s="35"/>
      <c r="B504" s="35" t="s">
        <v>194</v>
      </c>
      <c r="C504" s="50" t="s">
        <v>4</v>
      </c>
      <c r="D504" s="50" t="s">
        <v>4</v>
      </c>
      <c r="E504" s="50" t="s">
        <v>4</v>
      </c>
      <c r="F504" s="6"/>
      <c r="G504" s="8" t="s">
        <v>606</v>
      </c>
      <c r="H504" s="17" t="s">
        <v>741</v>
      </c>
      <c r="I504" s="17" t="s">
        <v>240</v>
      </c>
      <c r="J504" s="8" t="s">
        <v>152</v>
      </c>
    </row>
    <row r="505" spans="1:10" ht="10.050000000000001" customHeight="1">
      <c r="A505" s="35"/>
      <c r="B505" s="35"/>
      <c r="C505" s="50"/>
      <c r="D505" s="50"/>
      <c r="E505" s="50"/>
      <c r="F505" s="6"/>
      <c r="G505" s="9"/>
      <c r="H505" s="19"/>
      <c r="I505" s="30"/>
      <c r="J505" s="8"/>
    </row>
    <row r="506" spans="1:10" ht="80" customHeight="1">
      <c r="A506" s="35"/>
      <c r="B506" s="35"/>
      <c r="C506" s="54"/>
      <c r="D506" s="54"/>
      <c r="E506" s="54"/>
      <c r="F506" s="6"/>
      <c r="G506" s="109" t="s">
        <v>607</v>
      </c>
      <c r="H506" s="110"/>
      <c r="I506" s="111"/>
      <c r="J506" s="8"/>
    </row>
    <row r="507" spans="1:10" ht="90" customHeight="1">
      <c r="A507" s="35"/>
      <c r="B507" s="35" t="s">
        <v>195</v>
      </c>
      <c r="C507" s="50" t="s">
        <v>4</v>
      </c>
      <c r="D507" s="50" t="s">
        <v>4</v>
      </c>
      <c r="E507" s="50" t="s">
        <v>4</v>
      </c>
      <c r="F507" s="6"/>
      <c r="G507" s="8" t="s">
        <v>608</v>
      </c>
      <c r="H507" s="18" t="s">
        <v>742</v>
      </c>
      <c r="I507" s="18" t="s">
        <v>709</v>
      </c>
      <c r="J507" s="8"/>
    </row>
    <row r="508" spans="1:10" ht="50" customHeight="1">
      <c r="A508" s="35"/>
      <c r="B508" s="35"/>
      <c r="C508" s="54"/>
      <c r="D508" s="54"/>
      <c r="E508" s="54"/>
      <c r="F508" s="6"/>
      <c r="G508" s="8" t="s">
        <v>609</v>
      </c>
      <c r="H508" s="8"/>
      <c r="I508" s="8"/>
      <c r="J508" s="8"/>
    </row>
    <row r="509" spans="1:10" ht="170" customHeight="1">
      <c r="A509" s="35"/>
      <c r="B509" s="35" t="s">
        <v>196</v>
      </c>
      <c r="C509" s="50" t="s">
        <v>4</v>
      </c>
      <c r="D509" s="50" t="s">
        <v>4</v>
      </c>
      <c r="E509" s="50" t="s">
        <v>4</v>
      </c>
      <c r="F509" s="6"/>
      <c r="G509" s="8" t="s">
        <v>610</v>
      </c>
      <c r="H509" s="17" t="s">
        <v>847</v>
      </c>
      <c r="I509" s="17" t="s">
        <v>239</v>
      </c>
      <c r="J509" s="8"/>
    </row>
    <row r="510" spans="1:10" ht="10.050000000000001" customHeight="1">
      <c r="A510" s="35"/>
      <c r="B510" s="35"/>
      <c r="C510" s="50"/>
      <c r="D510" s="50"/>
      <c r="E510" s="50"/>
      <c r="F510" s="6"/>
      <c r="G510" s="9"/>
      <c r="H510" s="11"/>
      <c r="I510" s="10"/>
      <c r="J510" s="8"/>
    </row>
    <row r="511" spans="1:10" ht="150" customHeight="1">
      <c r="A511" s="35"/>
      <c r="B511" s="35"/>
      <c r="C511" s="54"/>
      <c r="D511" s="54"/>
      <c r="E511" s="54"/>
      <c r="F511" s="6"/>
      <c r="G511" s="109" t="s">
        <v>815</v>
      </c>
      <c r="H511" s="110"/>
      <c r="I511" s="111"/>
      <c r="J511" s="8"/>
    </row>
    <row r="512" spans="1:10" ht="140" customHeight="1">
      <c r="A512" s="38"/>
      <c r="B512" s="38" t="s">
        <v>197</v>
      </c>
      <c r="C512" s="53" t="s">
        <v>4</v>
      </c>
      <c r="D512" s="53" t="s">
        <v>4</v>
      </c>
      <c r="E512" s="53"/>
      <c r="F512" s="6"/>
      <c r="G512" s="17" t="s">
        <v>611</v>
      </c>
      <c r="H512" s="14" t="s">
        <v>175</v>
      </c>
      <c r="I512" s="14" t="s">
        <v>198</v>
      </c>
      <c r="J512" s="17"/>
    </row>
    <row r="513" spans="1:10" ht="130.05000000000001" customHeight="1">
      <c r="A513" s="35"/>
      <c r="B513" s="35" t="s">
        <v>199</v>
      </c>
      <c r="C513" s="50" t="s">
        <v>4</v>
      </c>
      <c r="D513" s="50" t="s">
        <v>4</v>
      </c>
      <c r="E513" s="50"/>
      <c r="F513" s="6"/>
      <c r="G513" s="8" t="s">
        <v>816</v>
      </c>
      <c r="H513" s="17" t="s">
        <v>848</v>
      </c>
      <c r="I513" s="17" t="s">
        <v>347</v>
      </c>
      <c r="J513" s="8" t="s">
        <v>152</v>
      </c>
    </row>
    <row r="514" spans="1:10" ht="8" customHeight="1">
      <c r="A514" s="35"/>
      <c r="B514" s="35"/>
      <c r="C514" s="50"/>
      <c r="D514" s="50"/>
      <c r="E514" s="50"/>
      <c r="F514" s="6"/>
      <c r="G514" s="9"/>
      <c r="H514" s="11"/>
      <c r="I514" s="10"/>
      <c r="J514" s="8"/>
    </row>
    <row r="515" spans="1:10" ht="90" customHeight="1">
      <c r="A515" s="35"/>
      <c r="B515" s="35"/>
      <c r="C515" s="54"/>
      <c r="D515" s="54"/>
      <c r="E515" s="54"/>
      <c r="F515" s="6"/>
      <c r="G515" s="109" t="s">
        <v>817</v>
      </c>
      <c r="H515" s="110"/>
      <c r="I515" s="111"/>
      <c r="J515" s="8"/>
    </row>
    <row r="516" spans="1:10" ht="40.049999999999997" customHeight="1">
      <c r="A516" s="35"/>
      <c r="B516" s="35"/>
      <c r="C516" s="54"/>
      <c r="D516" s="54"/>
      <c r="E516" s="54"/>
      <c r="F516" s="6"/>
      <c r="G516" s="109" t="s">
        <v>612</v>
      </c>
      <c r="H516" s="110"/>
      <c r="I516" s="111"/>
      <c r="J516" s="8"/>
    </row>
    <row r="517" spans="1:10" ht="50" customHeight="1">
      <c r="A517" s="35"/>
      <c r="B517" s="35"/>
      <c r="C517" s="54"/>
      <c r="D517" s="54"/>
      <c r="E517" s="54"/>
      <c r="F517" s="6"/>
      <c r="G517" s="109" t="s">
        <v>818</v>
      </c>
      <c r="H517" s="110"/>
      <c r="I517" s="111"/>
      <c r="J517" s="8"/>
    </row>
    <row r="518" spans="1:10" ht="63">
      <c r="A518" s="35"/>
      <c r="B518" s="35" t="s">
        <v>200</v>
      </c>
      <c r="C518" s="50" t="s">
        <v>4</v>
      </c>
      <c r="D518" s="50" t="s">
        <v>4</v>
      </c>
      <c r="E518" s="50" t="s">
        <v>4</v>
      </c>
      <c r="F518" s="6"/>
      <c r="G518" s="8" t="s">
        <v>819</v>
      </c>
      <c r="H518" s="14" t="s">
        <v>849</v>
      </c>
      <c r="I518" s="14" t="s">
        <v>201</v>
      </c>
      <c r="J518" s="8"/>
    </row>
    <row r="519" spans="1:10" ht="10.050000000000001" customHeight="1">
      <c r="A519" s="35"/>
      <c r="B519" s="35"/>
      <c r="C519" s="50"/>
      <c r="D519" s="50"/>
      <c r="E519" s="50"/>
      <c r="F519" s="6"/>
      <c r="G519" s="9"/>
      <c r="H519" s="11"/>
      <c r="I519" s="10"/>
      <c r="J519" s="8"/>
    </row>
    <row r="520" spans="1:10" ht="152.25" customHeight="1">
      <c r="A520" s="35"/>
      <c r="B520" s="35"/>
      <c r="C520" s="54"/>
      <c r="D520" s="54"/>
      <c r="E520" s="54"/>
      <c r="F520" s="6"/>
      <c r="G520" s="109" t="s">
        <v>766</v>
      </c>
      <c r="H520" s="110"/>
      <c r="I520" s="111"/>
      <c r="J520" s="8"/>
    </row>
    <row r="521" spans="1:10" ht="40.049999999999997" customHeight="1">
      <c r="A521" s="35"/>
      <c r="B521" s="35"/>
      <c r="C521" s="54"/>
      <c r="D521" s="54"/>
      <c r="E521" s="54"/>
      <c r="F521" s="6"/>
      <c r="G521" s="109" t="s">
        <v>613</v>
      </c>
      <c r="H521" s="110"/>
      <c r="I521" s="111"/>
      <c r="J521" s="8"/>
    </row>
    <row r="522" spans="1:10" ht="90" customHeight="1">
      <c r="A522" s="35"/>
      <c r="B522" s="35" t="s">
        <v>202</v>
      </c>
      <c r="C522" s="50" t="s">
        <v>4</v>
      </c>
      <c r="D522" s="50" t="s">
        <v>4</v>
      </c>
      <c r="E522" s="50" t="s">
        <v>4</v>
      </c>
      <c r="F522" s="6"/>
      <c r="G522" s="8" t="s">
        <v>952</v>
      </c>
      <c r="H522" s="14" t="s">
        <v>524</v>
      </c>
      <c r="I522" s="14" t="s">
        <v>238</v>
      </c>
      <c r="J522" s="8"/>
    </row>
    <row r="523" spans="1:10" ht="10.050000000000001" customHeight="1">
      <c r="A523" s="35"/>
      <c r="B523" s="35"/>
      <c r="C523" s="50"/>
      <c r="D523" s="50"/>
      <c r="E523" s="50"/>
      <c r="F523" s="6"/>
      <c r="G523" s="9"/>
      <c r="H523" s="11"/>
      <c r="I523" s="10"/>
      <c r="J523" s="8"/>
    </row>
    <row r="524" spans="1:10" ht="55.05" customHeight="1">
      <c r="A524" s="35"/>
      <c r="B524" s="35"/>
      <c r="C524" s="54"/>
      <c r="D524" s="54"/>
      <c r="E524" s="54"/>
      <c r="F524" s="6"/>
      <c r="G524" s="109" t="s">
        <v>614</v>
      </c>
      <c r="H524" s="110"/>
      <c r="I524" s="111"/>
      <c r="J524" s="8"/>
    </row>
    <row r="525" spans="1:10" ht="90" customHeight="1">
      <c r="A525" s="38"/>
      <c r="B525" s="38"/>
      <c r="C525" s="55"/>
      <c r="D525" s="55"/>
      <c r="E525" s="55"/>
      <c r="F525" s="6"/>
      <c r="G525" s="106" t="s">
        <v>615</v>
      </c>
      <c r="H525" s="107"/>
      <c r="I525" s="108"/>
      <c r="J525" s="17"/>
    </row>
    <row r="526" spans="1:10" ht="18" customHeight="1">
      <c r="A526" s="35" t="s">
        <v>410</v>
      </c>
      <c r="B526" s="35" t="s">
        <v>203</v>
      </c>
      <c r="C526" s="54"/>
      <c r="D526" s="54"/>
      <c r="E526" s="54"/>
      <c r="F526" s="6"/>
      <c r="G526" s="8"/>
      <c r="H526" s="8"/>
      <c r="I526" s="8"/>
      <c r="J526" s="8"/>
    </row>
    <row r="527" spans="1:10" ht="100.05" customHeight="1">
      <c r="A527" s="35"/>
      <c r="B527" s="35" t="s">
        <v>206</v>
      </c>
      <c r="C527" s="50" t="s">
        <v>4</v>
      </c>
      <c r="D527" s="50" t="s">
        <v>4</v>
      </c>
      <c r="E527" s="50"/>
      <c r="F527" s="6"/>
      <c r="G527" s="8" t="s">
        <v>616</v>
      </c>
      <c r="H527" s="8" t="s">
        <v>525</v>
      </c>
      <c r="I527" s="8" t="s">
        <v>237</v>
      </c>
      <c r="J527" s="8" t="s">
        <v>204</v>
      </c>
    </row>
    <row r="528" spans="1:10" ht="55.05" customHeight="1">
      <c r="A528" s="35"/>
      <c r="B528" s="35"/>
      <c r="C528" s="54"/>
      <c r="D528" s="54"/>
      <c r="E528" s="54"/>
      <c r="F528" s="6"/>
      <c r="G528" s="8" t="s">
        <v>617</v>
      </c>
      <c r="H528" s="8"/>
      <c r="I528" s="8"/>
      <c r="J528" s="8"/>
    </row>
    <row r="529" spans="1:10" ht="45" customHeight="1">
      <c r="A529" s="35"/>
      <c r="B529" s="35" t="s">
        <v>205</v>
      </c>
      <c r="C529" s="50" t="s">
        <v>4</v>
      </c>
      <c r="D529" s="50" t="s">
        <v>4</v>
      </c>
      <c r="E529" s="50"/>
      <c r="F529" s="6"/>
      <c r="G529" s="8" t="s">
        <v>618</v>
      </c>
      <c r="H529" s="8"/>
      <c r="I529" s="8"/>
      <c r="J529" s="8"/>
    </row>
    <row r="530" spans="1:10" ht="18" customHeight="1">
      <c r="A530" s="100" t="s">
        <v>752</v>
      </c>
      <c r="B530" s="35" t="s">
        <v>207</v>
      </c>
      <c r="C530" s="54"/>
      <c r="D530" s="54"/>
      <c r="E530" s="54"/>
      <c r="F530" s="6"/>
      <c r="G530" s="8"/>
      <c r="H530" s="8"/>
      <c r="I530" s="8"/>
      <c r="J530" s="8"/>
    </row>
    <row r="531" spans="1:10" ht="130.05000000000001" customHeight="1">
      <c r="A531" s="100"/>
      <c r="B531" s="35" t="s">
        <v>348</v>
      </c>
      <c r="C531" s="50" t="s">
        <v>4</v>
      </c>
      <c r="D531" s="50" t="s">
        <v>4</v>
      </c>
      <c r="E531" s="50"/>
      <c r="F531" s="6"/>
      <c r="G531" s="8" t="s">
        <v>820</v>
      </c>
      <c r="H531" s="8" t="s">
        <v>235</v>
      </c>
      <c r="I531" s="8" t="s">
        <v>236</v>
      </c>
      <c r="J531" s="8" t="s">
        <v>208</v>
      </c>
    </row>
    <row r="532" spans="1:10" ht="100.05" customHeight="1">
      <c r="A532" s="35"/>
      <c r="B532" s="35" t="s">
        <v>349</v>
      </c>
      <c r="C532" s="50" t="s">
        <v>4</v>
      </c>
      <c r="D532" s="50" t="s">
        <v>4</v>
      </c>
      <c r="E532" s="50"/>
      <c r="F532" s="6"/>
      <c r="G532" s="8" t="s">
        <v>898</v>
      </c>
      <c r="H532" s="17"/>
      <c r="I532" s="17"/>
      <c r="J532" s="8"/>
    </row>
    <row r="533" spans="1:10" ht="365" customHeight="1">
      <c r="A533" s="38"/>
      <c r="B533" s="38"/>
      <c r="C533" s="55"/>
      <c r="D533" s="55"/>
      <c r="E533" s="55"/>
      <c r="F533" s="6"/>
      <c r="G533" s="106"/>
      <c r="H533" s="107"/>
      <c r="I533" s="108"/>
      <c r="J533" s="17"/>
    </row>
    <row r="534" spans="1:10" ht="20" customHeight="1">
      <c r="A534" s="35"/>
      <c r="B534" s="36" t="s">
        <v>216</v>
      </c>
      <c r="C534" s="54"/>
      <c r="D534" s="54"/>
      <c r="E534" s="54"/>
      <c r="F534" s="6"/>
      <c r="G534" s="9"/>
      <c r="H534" s="18"/>
      <c r="I534" s="10"/>
      <c r="J534" s="8"/>
    </row>
    <row r="535" spans="1:10" ht="90" customHeight="1">
      <c r="A535" s="35"/>
      <c r="B535" s="36" t="s">
        <v>217</v>
      </c>
      <c r="C535" s="50" t="s">
        <v>4</v>
      </c>
      <c r="D535" s="50" t="s">
        <v>4</v>
      </c>
      <c r="E535" s="50"/>
      <c r="F535" s="6"/>
      <c r="G535" s="8" t="s">
        <v>821</v>
      </c>
      <c r="H535" s="17" t="s">
        <v>233</v>
      </c>
      <c r="I535" s="17" t="s">
        <v>234</v>
      </c>
      <c r="J535" s="8" t="s">
        <v>219</v>
      </c>
    </row>
    <row r="536" spans="1:10" ht="10.050000000000001" customHeight="1">
      <c r="A536" s="35"/>
      <c r="B536" s="36"/>
      <c r="C536" s="50"/>
      <c r="D536" s="50"/>
      <c r="E536" s="50"/>
      <c r="F536" s="6"/>
      <c r="G536" s="9"/>
      <c r="H536" s="11"/>
      <c r="I536" s="10"/>
      <c r="J536" s="8"/>
    </row>
    <row r="537" spans="1:10" ht="40.049999999999997" customHeight="1">
      <c r="A537" s="35"/>
      <c r="B537" s="36" t="s">
        <v>218</v>
      </c>
      <c r="C537" s="50" t="s">
        <v>4</v>
      </c>
      <c r="D537" s="50" t="s">
        <v>4</v>
      </c>
      <c r="E537" s="50"/>
      <c r="F537" s="6"/>
      <c r="G537" s="109" t="s">
        <v>395</v>
      </c>
      <c r="H537" s="110"/>
      <c r="I537" s="111"/>
      <c r="J537" s="8"/>
    </row>
    <row r="538" spans="1:10" ht="350" customHeight="1">
      <c r="A538" s="35"/>
      <c r="B538" s="35"/>
      <c r="C538" s="54"/>
      <c r="D538" s="54"/>
      <c r="E538" s="54"/>
      <c r="F538" s="6"/>
      <c r="G538" s="109" t="s">
        <v>744</v>
      </c>
      <c r="H538" s="110"/>
      <c r="I538" s="111"/>
      <c r="J538" s="8"/>
    </row>
    <row r="539" spans="1:10" ht="125" customHeight="1">
      <c r="A539" s="35"/>
      <c r="B539" s="35"/>
      <c r="C539" s="54"/>
      <c r="D539" s="54"/>
      <c r="E539" s="54"/>
      <c r="F539" s="6"/>
      <c r="G539" s="109" t="s">
        <v>899</v>
      </c>
      <c r="H539" s="110"/>
      <c r="I539" s="111"/>
      <c r="J539" s="8"/>
    </row>
    <row r="540" spans="1:10" ht="150" customHeight="1">
      <c r="A540" s="35"/>
      <c r="B540" s="35"/>
      <c r="C540" s="54"/>
      <c r="D540" s="54"/>
      <c r="E540" s="54"/>
      <c r="F540" s="6"/>
      <c r="G540" s="109" t="s">
        <v>743</v>
      </c>
      <c r="H540" s="110"/>
      <c r="I540" s="111"/>
      <c r="J540" s="4"/>
    </row>
    <row r="541" spans="1:10" ht="45" customHeight="1">
      <c r="A541" s="38"/>
      <c r="B541" s="38"/>
      <c r="C541" s="55"/>
      <c r="D541" s="55"/>
      <c r="E541" s="55"/>
      <c r="F541" s="6"/>
      <c r="G541" s="106" t="s">
        <v>619</v>
      </c>
      <c r="H541" s="107"/>
      <c r="I541" s="108"/>
      <c r="J541" s="17"/>
    </row>
    <row r="542" spans="1:10" ht="20" customHeight="1">
      <c r="A542" s="35"/>
      <c r="B542" s="36" t="s">
        <v>231</v>
      </c>
      <c r="C542" s="54"/>
      <c r="D542" s="54"/>
      <c r="E542" s="54"/>
      <c r="F542" s="6"/>
      <c r="G542" s="9"/>
      <c r="H542" s="18"/>
      <c r="I542" s="10"/>
      <c r="J542" s="8"/>
    </row>
    <row r="543" spans="1:10" ht="120" customHeight="1">
      <c r="A543" s="35"/>
      <c r="B543" s="36" t="s">
        <v>253</v>
      </c>
      <c r="C543" s="50" t="s">
        <v>4</v>
      </c>
      <c r="D543" s="50" t="s">
        <v>4</v>
      </c>
      <c r="E543" s="50"/>
      <c r="F543" s="6"/>
      <c r="G543" s="8" t="s">
        <v>822</v>
      </c>
      <c r="H543" s="17" t="s">
        <v>232</v>
      </c>
      <c r="I543" s="17" t="s">
        <v>645</v>
      </c>
      <c r="J543" s="8" t="s">
        <v>251</v>
      </c>
    </row>
    <row r="544" spans="1:10" ht="10.050000000000001" customHeight="1">
      <c r="A544" s="35"/>
      <c r="B544" s="36"/>
      <c r="C544" s="50"/>
      <c r="D544" s="50"/>
      <c r="E544" s="50"/>
      <c r="F544" s="6"/>
      <c r="G544" s="9"/>
      <c r="H544" s="11"/>
      <c r="I544" s="10"/>
      <c r="J544" s="8"/>
    </row>
    <row r="545" spans="1:10" ht="280.05" customHeight="1">
      <c r="A545" s="35"/>
      <c r="B545" s="35"/>
      <c r="C545" s="54"/>
      <c r="D545" s="54"/>
      <c r="E545" s="54"/>
      <c r="F545" s="6"/>
      <c r="G545" s="109" t="s">
        <v>823</v>
      </c>
      <c r="H545" s="110"/>
      <c r="I545" s="111"/>
      <c r="J545" s="8"/>
    </row>
    <row r="546" spans="1:10" ht="144.4" customHeight="1">
      <c r="A546" s="35"/>
      <c r="B546" s="36" t="s">
        <v>252</v>
      </c>
      <c r="C546" s="50" t="s">
        <v>4</v>
      </c>
      <c r="D546" s="50" t="s">
        <v>4</v>
      </c>
      <c r="E546" s="50"/>
      <c r="F546" s="6"/>
      <c r="G546" s="109" t="s">
        <v>620</v>
      </c>
      <c r="H546" s="110"/>
      <c r="I546" s="111"/>
      <c r="J546" s="8"/>
    </row>
    <row r="547" spans="1:10" ht="100.5" customHeight="1">
      <c r="A547" s="100" t="s">
        <v>996</v>
      </c>
      <c r="B547" s="36" t="s">
        <v>995</v>
      </c>
      <c r="C547" s="50" t="s">
        <v>4</v>
      </c>
      <c r="D547" s="50" t="s">
        <v>4</v>
      </c>
      <c r="E547" s="50"/>
      <c r="F547" s="6"/>
      <c r="G547" s="116" t="s">
        <v>1000</v>
      </c>
      <c r="H547" s="102" t="s">
        <v>998</v>
      </c>
      <c r="I547" s="103"/>
      <c r="J547" s="8"/>
    </row>
    <row r="548" spans="1:10" ht="130.9" customHeight="1">
      <c r="A548" s="101"/>
      <c r="B548" s="37" t="s">
        <v>983</v>
      </c>
      <c r="C548" s="53" t="s">
        <v>4</v>
      </c>
      <c r="D548" s="53" t="s">
        <v>4</v>
      </c>
      <c r="E548" s="53"/>
      <c r="F548" s="6"/>
      <c r="G548" s="117"/>
      <c r="H548" s="104"/>
      <c r="I548" s="105"/>
      <c r="J548" s="17"/>
    </row>
    <row r="549" spans="1:10" ht="18" customHeight="1">
      <c r="A549" s="35" t="s">
        <v>254</v>
      </c>
      <c r="B549" s="35"/>
      <c r="C549" s="54"/>
      <c r="D549" s="54"/>
      <c r="E549" s="54"/>
      <c r="F549" s="6"/>
      <c r="G549" s="8"/>
      <c r="H549" s="8"/>
      <c r="I549" s="8"/>
      <c r="J549" s="8"/>
    </row>
    <row r="550" spans="1:10" ht="20" customHeight="1">
      <c r="A550" s="100" t="s">
        <v>938</v>
      </c>
      <c r="B550" s="35" t="s">
        <v>255</v>
      </c>
      <c r="C550" s="54"/>
      <c r="D550" s="54"/>
      <c r="E550" s="54"/>
      <c r="F550" s="6"/>
      <c r="G550" s="8"/>
      <c r="H550" s="8"/>
      <c r="I550" s="8"/>
      <c r="J550" s="8"/>
    </row>
    <row r="551" spans="1:10" ht="90" customHeight="1">
      <c r="A551" s="100"/>
      <c r="B551" s="97" t="s">
        <v>946</v>
      </c>
      <c r="C551" s="50" t="s">
        <v>4</v>
      </c>
      <c r="D551" s="50" t="s">
        <v>4</v>
      </c>
      <c r="E551" s="50" t="s">
        <v>4</v>
      </c>
      <c r="F551" s="6"/>
      <c r="G551" s="8" t="s">
        <v>621</v>
      </c>
      <c r="H551" s="17" t="s">
        <v>958</v>
      </c>
      <c r="I551" s="17" t="s">
        <v>256</v>
      </c>
      <c r="J551" s="8" t="s">
        <v>257</v>
      </c>
    </row>
    <row r="552" spans="1:10" ht="10.050000000000001" customHeight="1">
      <c r="A552" s="35"/>
      <c r="B552" s="35"/>
      <c r="C552" s="50"/>
      <c r="D552" s="50"/>
      <c r="E552" s="50"/>
      <c r="F552" s="6"/>
      <c r="G552" s="9"/>
      <c r="H552" s="11"/>
      <c r="I552" s="10"/>
      <c r="J552" s="8"/>
    </row>
    <row r="553" spans="1:10" ht="60" customHeight="1">
      <c r="A553" s="35"/>
      <c r="B553" s="98" t="s">
        <v>767</v>
      </c>
      <c r="C553" s="50" t="s">
        <v>4</v>
      </c>
      <c r="D553" s="50" t="s">
        <v>4</v>
      </c>
      <c r="E553" s="50" t="s">
        <v>4</v>
      </c>
      <c r="F553" s="6"/>
      <c r="G553" s="102" t="s">
        <v>824</v>
      </c>
      <c r="H553" s="112"/>
      <c r="I553" s="103"/>
      <c r="J553" s="8"/>
    </row>
    <row r="554" spans="1:10" ht="230" customHeight="1">
      <c r="A554" s="35"/>
      <c r="B554" s="98" t="s">
        <v>768</v>
      </c>
      <c r="C554" s="50" t="s">
        <v>4</v>
      </c>
      <c r="D554" s="50" t="s">
        <v>4</v>
      </c>
      <c r="E554" s="50" t="s">
        <v>4</v>
      </c>
      <c r="F554" s="6"/>
      <c r="G554" s="102"/>
      <c r="H554" s="112"/>
      <c r="I554" s="103"/>
      <c r="J554" s="8"/>
    </row>
    <row r="555" spans="1:10" ht="120" customHeight="1">
      <c r="A555" s="35"/>
      <c r="B555" s="35"/>
      <c r="C555" s="54"/>
      <c r="D555" s="54"/>
      <c r="E555" s="54"/>
      <c r="F555" s="6"/>
      <c r="G555" s="109" t="s">
        <v>928</v>
      </c>
      <c r="H555" s="110"/>
      <c r="I555" s="111"/>
      <c r="J555" s="8"/>
    </row>
    <row r="556" spans="1:10" ht="125" customHeight="1">
      <c r="A556" s="35" t="s">
        <v>753</v>
      </c>
      <c r="B556" s="35" t="s">
        <v>258</v>
      </c>
      <c r="C556" s="50" t="s">
        <v>4</v>
      </c>
      <c r="D556" s="50" t="s">
        <v>4</v>
      </c>
      <c r="E556" s="50" t="s">
        <v>4</v>
      </c>
      <c r="F556" s="6"/>
      <c r="G556" s="8" t="s">
        <v>929</v>
      </c>
      <c r="H556" s="14" t="s">
        <v>850</v>
      </c>
      <c r="I556" s="14" t="s">
        <v>259</v>
      </c>
      <c r="J556" s="8" t="s">
        <v>350</v>
      </c>
    </row>
    <row r="557" spans="1:10" ht="5" customHeight="1">
      <c r="A557" s="35"/>
      <c r="B557" s="35"/>
      <c r="C557" s="50"/>
      <c r="D557" s="50"/>
      <c r="E557" s="50"/>
      <c r="F557" s="6"/>
      <c r="G557" s="9"/>
      <c r="H557" s="11"/>
      <c r="I557" s="10"/>
      <c r="J557" s="8"/>
    </row>
    <row r="558" spans="1:10" ht="50" customHeight="1">
      <c r="A558" s="35"/>
      <c r="B558" s="35"/>
      <c r="C558" s="54"/>
      <c r="D558" s="54"/>
      <c r="E558" s="54"/>
      <c r="F558" s="6"/>
      <c r="G558" s="109" t="s">
        <v>930</v>
      </c>
      <c r="H558" s="110"/>
      <c r="I558" s="111"/>
      <c r="J558" s="8"/>
    </row>
    <row r="559" spans="1:10" ht="100.05" customHeight="1">
      <c r="A559" s="38"/>
      <c r="B559" s="38"/>
      <c r="C559" s="55"/>
      <c r="D559" s="55"/>
      <c r="E559" s="55"/>
      <c r="F559" s="6"/>
      <c r="G559" s="106" t="s">
        <v>957</v>
      </c>
      <c r="H559" s="107"/>
      <c r="I559" s="108"/>
      <c r="J559" s="17"/>
    </row>
    <row r="560" spans="1:10" ht="20" customHeight="1">
      <c r="A560" s="35" t="s">
        <v>411</v>
      </c>
      <c r="B560" s="36" t="s">
        <v>994</v>
      </c>
      <c r="C560" s="54"/>
      <c r="D560" s="54"/>
      <c r="E560" s="54"/>
      <c r="F560" s="6"/>
      <c r="G560" s="9"/>
      <c r="H560" s="11"/>
      <c r="I560" s="30"/>
      <c r="J560" s="8"/>
    </row>
    <row r="561" spans="1:10" ht="6.4" customHeight="1">
      <c r="A561" s="35"/>
      <c r="B561" s="36"/>
      <c r="C561" s="54"/>
      <c r="D561" s="54"/>
      <c r="E561" s="54"/>
      <c r="F561" s="6"/>
      <c r="G561" s="9"/>
      <c r="H561" s="11"/>
      <c r="I561" s="21"/>
      <c r="J561" s="8"/>
    </row>
    <row r="562" spans="1:10" ht="99" customHeight="1">
      <c r="A562" s="35"/>
      <c r="B562" s="113" t="s">
        <v>467</v>
      </c>
      <c r="C562" s="50" t="s">
        <v>4</v>
      </c>
      <c r="D562" s="50" t="s">
        <v>4</v>
      </c>
      <c r="E562" s="50"/>
      <c r="F562" s="6"/>
      <c r="G562" s="102" t="s">
        <v>931</v>
      </c>
      <c r="H562" s="112"/>
      <c r="I562" s="17" t="s">
        <v>260</v>
      </c>
      <c r="J562" s="8" t="s">
        <v>351</v>
      </c>
    </row>
    <row r="563" spans="1:10" ht="15" customHeight="1">
      <c r="A563" s="35"/>
      <c r="B563" s="113"/>
      <c r="C563" s="50"/>
      <c r="D563" s="50"/>
      <c r="E563" s="50"/>
      <c r="F563" s="6"/>
      <c r="G563" s="102"/>
      <c r="H563" s="112"/>
      <c r="I563" s="10"/>
      <c r="J563" s="8"/>
    </row>
    <row r="564" spans="1:10" ht="282.75" customHeight="1">
      <c r="A564" s="35"/>
      <c r="B564" s="113"/>
      <c r="C564" s="54"/>
      <c r="D564" s="54"/>
      <c r="E564" s="54"/>
      <c r="F564" s="6"/>
      <c r="G564" s="109" t="s">
        <v>825</v>
      </c>
      <c r="H564" s="110"/>
      <c r="I564" s="111"/>
      <c r="J564" s="8"/>
    </row>
    <row r="565" spans="1:10" ht="390" customHeight="1">
      <c r="A565" s="38"/>
      <c r="B565" s="38"/>
      <c r="C565" s="55"/>
      <c r="D565" s="55"/>
      <c r="E565" s="55"/>
      <c r="F565" s="6"/>
      <c r="G565" s="106" t="s">
        <v>826</v>
      </c>
      <c r="H565" s="107"/>
      <c r="I565" s="108"/>
      <c r="J565" s="17"/>
    </row>
    <row r="566" spans="1:10" ht="20" customHeight="1">
      <c r="A566" s="35" t="s">
        <v>412</v>
      </c>
      <c r="B566" s="35" t="s">
        <v>261</v>
      </c>
      <c r="C566" s="54"/>
      <c r="D566" s="54"/>
      <c r="E566" s="54"/>
      <c r="F566" s="6"/>
      <c r="G566" s="9"/>
      <c r="H566" s="18"/>
      <c r="I566" s="10"/>
      <c r="J566" s="8"/>
    </row>
    <row r="567" spans="1:10" ht="70.05" customHeight="1">
      <c r="A567" s="35"/>
      <c r="B567" s="35" t="s">
        <v>468</v>
      </c>
      <c r="C567" s="50" t="s">
        <v>4</v>
      </c>
      <c r="D567" s="50" t="s">
        <v>4</v>
      </c>
      <c r="E567" s="50"/>
      <c r="F567" s="6"/>
      <c r="G567" s="8" t="s">
        <v>827</v>
      </c>
      <c r="H567" s="17" t="s">
        <v>851</v>
      </c>
      <c r="I567" s="17" t="s">
        <v>262</v>
      </c>
      <c r="J567" s="8" t="s">
        <v>267</v>
      </c>
    </row>
    <row r="568" spans="1:10" ht="10.050000000000001" customHeight="1">
      <c r="A568" s="35"/>
      <c r="B568" s="35"/>
      <c r="C568" s="50"/>
      <c r="D568" s="50"/>
      <c r="E568" s="50"/>
      <c r="F568" s="6"/>
      <c r="G568" s="9"/>
      <c r="H568" s="11"/>
      <c r="I568" s="10"/>
      <c r="J568" s="8"/>
    </row>
    <row r="569" spans="1:10" ht="80" customHeight="1">
      <c r="A569" s="35"/>
      <c r="B569" s="35"/>
      <c r="C569" s="54"/>
      <c r="D569" s="54"/>
      <c r="E569" s="54"/>
      <c r="F569" s="6"/>
      <c r="G569" s="109" t="s">
        <v>932</v>
      </c>
      <c r="H569" s="110"/>
      <c r="I569" s="111"/>
      <c r="J569" s="8"/>
    </row>
    <row r="570" spans="1:10" ht="80" customHeight="1">
      <c r="A570" s="35"/>
      <c r="B570" s="35"/>
      <c r="C570" s="54"/>
      <c r="D570" s="54"/>
      <c r="E570" s="54"/>
      <c r="F570" s="6"/>
      <c r="G570" s="109" t="s">
        <v>622</v>
      </c>
      <c r="H570" s="110"/>
      <c r="I570" s="111"/>
      <c r="J570" s="8"/>
    </row>
    <row r="571" spans="1:10" ht="20" customHeight="1">
      <c r="A571" s="35"/>
      <c r="B571" s="35" t="s">
        <v>263</v>
      </c>
      <c r="C571" s="54"/>
      <c r="D571" s="54"/>
      <c r="E571" s="54"/>
      <c r="F571" s="6"/>
      <c r="G571" s="9"/>
      <c r="H571" s="20"/>
      <c r="I571" s="21"/>
      <c r="J571" s="8"/>
    </row>
    <row r="572" spans="1:10" ht="170" customHeight="1">
      <c r="A572" s="35"/>
      <c r="B572" s="35" t="s">
        <v>264</v>
      </c>
      <c r="C572" s="50" t="s">
        <v>4</v>
      </c>
      <c r="D572" s="50" t="s">
        <v>4</v>
      </c>
      <c r="E572" s="50"/>
      <c r="F572" s="6"/>
      <c r="G572" s="8" t="s">
        <v>703</v>
      </c>
      <c r="H572" s="14" t="s">
        <v>860</v>
      </c>
      <c r="I572" s="14" t="s">
        <v>265</v>
      </c>
      <c r="J572" s="8" t="s">
        <v>266</v>
      </c>
    </row>
    <row r="573" spans="1:10" ht="10.050000000000001" customHeight="1">
      <c r="A573" s="35"/>
      <c r="B573" s="35"/>
      <c r="C573" s="54"/>
      <c r="D573" s="54"/>
      <c r="E573" s="54"/>
      <c r="F573" s="6"/>
      <c r="G573" s="109" t="s">
        <v>395</v>
      </c>
      <c r="H573" s="110"/>
      <c r="I573" s="111"/>
      <c r="J573" s="8"/>
    </row>
    <row r="574" spans="1:10" ht="140" customHeight="1">
      <c r="A574" s="35"/>
      <c r="B574" s="35" t="s">
        <v>268</v>
      </c>
      <c r="C574" s="50" t="s">
        <v>4</v>
      </c>
      <c r="D574" s="50" t="s">
        <v>4</v>
      </c>
      <c r="E574" s="50"/>
      <c r="F574" s="6"/>
      <c r="G574" s="109" t="s">
        <v>933</v>
      </c>
      <c r="H574" s="110"/>
      <c r="I574" s="111"/>
      <c r="J574" s="8"/>
    </row>
    <row r="575" spans="1:10" ht="130.05000000000001" customHeight="1">
      <c r="A575" s="35"/>
      <c r="B575" s="35"/>
      <c r="C575" s="54"/>
      <c r="D575" s="54"/>
      <c r="E575" s="54"/>
      <c r="F575" s="6"/>
      <c r="G575" s="109" t="s">
        <v>828</v>
      </c>
      <c r="H575" s="110"/>
      <c r="I575" s="111"/>
      <c r="J575" s="8"/>
    </row>
    <row r="576" spans="1:10" ht="90" customHeight="1">
      <c r="A576" s="38"/>
      <c r="B576" s="38"/>
      <c r="C576" s="55"/>
      <c r="D576" s="55"/>
      <c r="E576" s="55"/>
      <c r="F576" s="6"/>
      <c r="G576" s="106" t="s">
        <v>829</v>
      </c>
      <c r="H576" s="107"/>
      <c r="I576" s="108"/>
      <c r="J576" s="17"/>
    </row>
    <row r="577" spans="1:10" ht="20" customHeight="1">
      <c r="A577" s="35"/>
      <c r="B577" s="35" t="s">
        <v>269</v>
      </c>
      <c r="C577" s="54"/>
      <c r="D577" s="54"/>
      <c r="E577" s="54"/>
      <c r="F577" s="6"/>
      <c r="G577" s="8"/>
      <c r="H577" s="8"/>
      <c r="I577" s="8"/>
      <c r="J577" s="8"/>
    </row>
    <row r="578" spans="1:10" ht="60" customHeight="1">
      <c r="A578" s="35"/>
      <c r="B578" s="35" t="s">
        <v>469</v>
      </c>
      <c r="C578" s="50" t="s">
        <v>4</v>
      </c>
      <c r="D578" s="50" t="s">
        <v>4</v>
      </c>
      <c r="E578" s="50" t="s">
        <v>4</v>
      </c>
      <c r="F578" s="6"/>
      <c r="G578" s="8" t="s">
        <v>623</v>
      </c>
      <c r="H578" s="17" t="s">
        <v>852</v>
      </c>
      <c r="I578" s="17" t="s">
        <v>270</v>
      </c>
      <c r="J578" s="8" t="s">
        <v>271</v>
      </c>
    </row>
    <row r="579" spans="1:10" ht="10.050000000000001" customHeight="1">
      <c r="A579" s="35"/>
      <c r="B579" s="35"/>
      <c r="C579" s="50"/>
      <c r="D579" s="50"/>
      <c r="E579" s="50"/>
      <c r="F579" s="6"/>
      <c r="G579" s="9"/>
      <c r="H579" s="11"/>
      <c r="I579" s="10"/>
      <c r="J579" s="8"/>
    </row>
    <row r="580" spans="1:10" ht="35" customHeight="1">
      <c r="A580" s="35"/>
      <c r="B580" s="35" t="s">
        <v>470</v>
      </c>
      <c r="C580" s="50" t="s">
        <v>4</v>
      </c>
      <c r="D580" s="50" t="s">
        <v>4</v>
      </c>
      <c r="E580" s="50"/>
      <c r="F580" s="6"/>
      <c r="G580" s="109" t="s">
        <v>624</v>
      </c>
      <c r="H580" s="110"/>
      <c r="I580" s="111"/>
      <c r="J580" s="8"/>
    </row>
    <row r="581" spans="1:10" ht="190.15" customHeight="1">
      <c r="A581" s="35"/>
      <c r="B581" s="35"/>
      <c r="C581" s="54"/>
      <c r="D581" s="54"/>
      <c r="E581" s="54"/>
      <c r="F581" s="6"/>
      <c r="G581" s="109" t="s">
        <v>625</v>
      </c>
      <c r="H581" s="110"/>
      <c r="I581" s="111"/>
      <c r="J581" s="8"/>
    </row>
    <row r="582" spans="1:10" ht="20" customHeight="1">
      <c r="A582" s="35"/>
      <c r="B582" s="35" t="s">
        <v>272</v>
      </c>
      <c r="C582" s="54"/>
      <c r="D582" s="54"/>
      <c r="E582" s="54"/>
      <c r="F582" s="6"/>
      <c r="G582" s="9"/>
      <c r="H582" s="20"/>
      <c r="I582" s="10"/>
      <c r="J582" s="8"/>
    </row>
    <row r="583" spans="1:10" ht="85.9" customHeight="1">
      <c r="A583" s="35"/>
      <c r="B583" s="35" t="s">
        <v>273</v>
      </c>
      <c r="C583" s="50" t="s">
        <v>4</v>
      </c>
      <c r="D583" s="50" t="s">
        <v>4</v>
      </c>
      <c r="E583" s="50"/>
      <c r="F583" s="6"/>
      <c r="G583" s="8" t="s">
        <v>830</v>
      </c>
      <c r="H583" s="18" t="s">
        <v>853</v>
      </c>
      <c r="I583" s="18" t="s">
        <v>745</v>
      </c>
      <c r="J583" s="8" t="s">
        <v>352</v>
      </c>
    </row>
    <row r="584" spans="1:10" ht="85.5" customHeight="1">
      <c r="A584" s="35"/>
      <c r="B584" s="35" t="s">
        <v>471</v>
      </c>
      <c r="C584" s="50" t="s">
        <v>4</v>
      </c>
      <c r="D584" s="50" t="s">
        <v>4</v>
      </c>
      <c r="E584" s="50"/>
      <c r="F584" s="6"/>
      <c r="G584" s="8" t="s">
        <v>626</v>
      </c>
      <c r="H584" s="8"/>
      <c r="I584" s="8"/>
      <c r="J584" s="8"/>
    </row>
    <row r="585" spans="1:10" ht="25.05" customHeight="1">
      <c r="A585" s="35"/>
      <c r="B585" s="119" t="s">
        <v>746</v>
      </c>
      <c r="C585" s="120" t="s">
        <v>4</v>
      </c>
      <c r="D585" s="120" t="s">
        <v>4</v>
      </c>
      <c r="E585" s="120" t="s">
        <v>4</v>
      </c>
      <c r="F585" s="6"/>
      <c r="G585" s="116" t="s">
        <v>627</v>
      </c>
      <c r="H585" s="116"/>
      <c r="I585" s="116"/>
      <c r="J585" s="116"/>
    </row>
    <row r="586" spans="1:10" ht="39" customHeight="1">
      <c r="A586" s="35"/>
      <c r="B586" s="119"/>
      <c r="C586" s="120"/>
      <c r="D586" s="120"/>
      <c r="E586" s="120"/>
      <c r="F586" s="6"/>
      <c r="G586" s="116"/>
      <c r="H586" s="116"/>
      <c r="I586" s="116"/>
      <c r="J586" s="116"/>
    </row>
    <row r="587" spans="1:10" ht="99.4" customHeight="1">
      <c r="A587" s="35"/>
      <c r="B587" s="1"/>
      <c r="C587" s="50"/>
      <c r="D587" s="50"/>
      <c r="E587" s="50"/>
      <c r="F587" s="6"/>
      <c r="G587" s="4"/>
      <c r="H587" s="4"/>
      <c r="I587" s="114"/>
      <c r="J587" s="8"/>
    </row>
    <row r="588" spans="1:10" ht="135" customHeight="1">
      <c r="A588" s="38"/>
      <c r="B588" s="99"/>
      <c r="C588" s="53"/>
      <c r="D588" s="53"/>
      <c r="E588" s="53"/>
      <c r="F588" s="24"/>
      <c r="G588" s="99"/>
      <c r="H588" s="99"/>
      <c r="I588" s="115"/>
      <c r="J588" s="17"/>
    </row>
    <row r="589" spans="1:10">
      <c r="A589" s="19"/>
      <c r="B589" s="19"/>
      <c r="C589" s="22"/>
      <c r="D589" s="22"/>
      <c r="E589" s="22"/>
      <c r="F589" s="22"/>
      <c r="G589" s="19"/>
      <c r="H589" s="19"/>
      <c r="I589" s="19"/>
      <c r="J589" s="19"/>
    </row>
    <row r="590" spans="1:10">
      <c r="A590" s="11"/>
      <c r="B590" s="11"/>
      <c r="C590" s="3"/>
      <c r="D590" s="3"/>
      <c r="E590" s="3"/>
      <c r="F590" s="3"/>
      <c r="G590" s="11"/>
      <c r="H590" s="11"/>
      <c r="I590" s="11"/>
      <c r="J590" s="11"/>
    </row>
    <row r="591" spans="1:10">
      <c r="A591" s="11"/>
      <c r="B591" s="11"/>
      <c r="C591" s="3"/>
      <c r="D591" s="3"/>
      <c r="E591" s="3"/>
      <c r="F591" s="3"/>
      <c r="G591" s="11"/>
      <c r="H591" s="11"/>
      <c r="I591" s="11"/>
      <c r="J591" s="11"/>
    </row>
    <row r="592" spans="1:10">
      <c r="A592" s="11"/>
      <c r="B592" s="11"/>
      <c r="C592" s="3"/>
      <c r="D592" s="3"/>
      <c r="E592" s="3"/>
      <c r="F592" s="3"/>
      <c r="G592" s="11"/>
      <c r="H592" s="11"/>
      <c r="I592" s="11"/>
      <c r="J592" s="11"/>
    </row>
    <row r="593" spans="1:10">
      <c r="A593" s="11"/>
      <c r="B593" s="11"/>
      <c r="C593" s="3"/>
      <c r="D593" s="3"/>
      <c r="E593" s="3"/>
      <c r="F593" s="3"/>
      <c r="G593" s="11"/>
      <c r="H593" s="11"/>
      <c r="I593" s="11"/>
      <c r="J593" s="11"/>
    </row>
    <row r="594" spans="1:10">
      <c r="A594" s="11"/>
      <c r="B594" s="11"/>
      <c r="C594" s="3"/>
      <c r="D594" s="3"/>
      <c r="E594" s="3"/>
      <c r="F594" s="3"/>
      <c r="G594" s="11"/>
      <c r="H594" s="11"/>
      <c r="I594" s="11"/>
      <c r="J594" s="11"/>
    </row>
    <row r="595" spans="1:10">
      <c r="A595" s="11"/>
      <c r="B595" s="11"/>
      <c r="C595" s="3"/>
      <c r="D595" s="3"/>
      <c r="E595" s="3"/>
      <c r="F595" s="3"/>
      <c r="G595" s="11"/>
      <c r="H595" s="11"/>
      <c r="I595" s="11"/>
      <c r="J595" s="11"/>
    </row>
    <row r="596" spans="1:10">
      <c r="A596" s="11"/>
      <c r="B596" s="11"/>
      <c r="C596" s="3"/>
      <c r="D596" s="3"/>
      <c r="E596" s="3"/>
      <c r="F596" s="3"/>
      <c r="G596" s="11"/>
      <c r="H596" s="11"/>
      <c r="I596" s="11"/>
      <c r="J596" s="11"/>
    </row>
    <row r="597" spans="1:10">
      <c r="A597" s="11"/>
      <c r="B597" s="11"/>
      <c r="C597" s="3"/>
      <c r="D597" s="3"/>
      <c r="E597" s="3"/>
      <c r="F597" s="3"/>
      <c r="G597" s="11"/>
      <c r="H597" s="11"/>
      <c r="I597" s="11"/>
      <c r="J597" s="11"/>
    </row>
    <row r="598" spans="1:10">
      <c r="A598" s="11"/>
      <c r="B598" s="11"/>
      <c r="C598" s="3"/>
      <c r="D598" s="3"/>
      <c r="E598" s="3"/>
      <c r="F598" s="3"/>
      <c r="G598" s="11"/>
      <c r="H598" s="11"/>
      <c r="I598" s="11"/>
      <c r="J598" s="11"/>
    </row>
    <row r="599" spans="1:10">
      <c r="A599" s="11"/>
      <c r="B599" s="11"/>
      <c r="C599" s="3"/>
      <c r="D599" s="3"/>
      <c r="E599" s="3"/>
      <c r="F599" s="3"/>
      <c r="G599" s="11"/>
      <c r="H599" s="11"/>
      <c r="I599" s="11"/>
      <c r="J599" s="11"/>
    </row>
    <row r="600" spans="1:10">
      <c r="A600" s="11"/>
      <c r="B600" s="11"/>
      <c r="C600" s="3"/>
      <c r="D600" s="3"/>
      <c r="E600" s="3"/>
      <c r="F600" s="3"/>
      <c r="G600" s="11"/>
      <c r="H600" s="11"/>
      <c r="I600" s="11"/>
      <c r="J600" s="11"/>
    </row>
    <row r="601" spans="1:10">
      <c r="A601" s="11"/>
      <c r="B601" s="11"/>
      <c r="C601" s="3"/>
      <c r="D601" s="3"/>
      <c r="E601" s="3"/>
      <c r="F601" s="3"/>
      <c r="G601" s="11"/>
      <c r="H601" s="11"/>
      <c r="I601" s="11"/>
      <c r="J601" s="11"/>
    </row>
    <row r="602" spans="1:10">
      <c r="A602" s="11"/>
      <c r="B602" s="11"/>
      <c r="C602" s="3"/>
      <c r="D602" s="3"/>
      <c r="E602" s="3"/>
      <c r="F602" s="3"/>
      <c r="G602" s="11"/>
      <c r="H602" s="11"/>
      <c r="I602" s="11"/>
      <c r="J602" s="11"/>
    </row>
    <row r="603" spans="1:10">
      <c r="A603" s="11"/>
      <c r="B603" s="11"/>
      <c r="C603" s="3"/>
      <c r="D603" s="3"/>
      <c r="E603" s="3"/>
      <c r="F603" s="3"/>
      <c r="G603" s="11"/>
      <c r="H603" s="11"/>
      <c r="I603" s="11"/>
      <c r="J603" s="11"/>
    </row>
    <row r="604" spans="1:10">
      <c r="A604" s="11"/>
      <c r="B604" s="11"/>
      <c r="C604" s="3"/>
      <c r="D604" s="3"/>
      <c r="E604" s="3"/>
      <c r="F604" s="3"/>
      <c r="G604" s="11"/>
      <c r="H604" s="11"/>
      <c r="I604" s="11"/>
      <c r="J604" s="11"/>
    </row>
    <row r="605" spans="1:10">
      <c r="A605" s="11"/>
      <c r="B605" s="11"/>
      <c r="C605" s="3"/>
      <c r="D605" s="3"/>
      <c r="E605" s="3"/>
      <c r="F605" s="3"/>
      <c r="G605" s="11"/>
      <c r="H605" s="11"/>
      <c r="I605" s="11"/>
      <c r="J605" s="11"/>
    </row>
    <row r="606" spans="1:10">
      <c r="A606" s="11"/>
      <c r="B606" s="11"/>
      <c r="C606" s="3"/>
      <c r="D606" s="3"/>
      <c r="E606" s="3"/>
      <c r="F606" s="3"/>
      <c r="G606" s="11"/>
      <c r="H606" s="11"/>
      <c r="I606" s="11"/>
      <c r="J606" s="11"/>
    </row>
    <row r="607" spans="1:10">
      <c r="A607" s="11"/>
      <c r="B607" s="11"/>
      <c r="C607" s="3"/>
      <c r="D607" s="3"/>
      <c r="E607" s="3"/>
      <c r="F607" s="3"/>
      <c r="G607" s="11"/>
      <c r="H607" s="11"/>
      <c r="I607" s="11"/>
      <c r="J607" s="11"/>
    </row>
    <row r="608" spans="1:10">
      <c r="A608" s="11"/>
      <c r="B608" s="11"/>
      <c r="C608" s="3"/>
      <c r="D608" s="3"/>
      <c r="E608" s="3"/>
      <c r="F608" s="3"/>
      <c r="G608" s="11"/>
      <c r="H608" s="11"/>
      <c r="I608" s="11"/>
      <c r="J608" s="11"/>
    </row>
    <row r="609" spans="1:10">
      <c r="A609" s="11"/>
      <c r="B609" s="11"/>
      <c r="C609" s="3"/>
      <c r="D609" s="3"/>
      <c r="E609" s="3"/>
      <c r="F609" s="3"/>
      <c r="G609" s="11"/>
      <c r="H609" s="11"/>
      <c r="I609" s="11"/>
      <c r="J609" s="11"/>
    </row>
    <row r="610" spans="1:10">
      <c r="A610" s="11"/>
      <c r="B610" s="11"/>
      <c r="C610" s="3"/>
      <c r="D610" s="3"/>
      <c r="E610" s="3"/>
      <c r="F610" s="3"/>
      <c r="G610" s="11"/>
      <c r="H610" s="11"/>
      <c r="I610" s="11"/>
      <c r="J610" s="11"/>
    </row>
    <row r="611" spans="1:10">
      <c r="A611" s="11"/>
      <c r="B611" s="11"/>
      <c r="C611" s="3"/>
      <c r="D611" s="3"/>
      <c r="E611" s="3"/>
      <c r="F611" s="3"/>
      <c r="G611" s="11"/>
      <c r="H611" s="11"/>
      <c r="I611" s="11"/>
      <c r="J611" s="11"/>
    </row>
    <row r="612" spans="1:10">
      <c r="A612" s="11"/>
      <c r="B612" s="11"/>
      <c r="C612" s="3"/>
      <c r="D612" s="3"/>
      <c r="E612" s="3"/>
      <c r="F612" s="3"/>
      <c r="G612" s="11"/>
      <c r="H612" s="11"/>
      <c r="I612" s="11"/>
      <c r="J612" s="11"/>
    </row>
    <row r="613" spans="1:10">
      <c r="A613" s="11"/>
      <c r="B613" s="11"/>
      <c r="C613" s="3"/>
      <c r="D613" s="3"/>
      <c r="E613" s="3"/>
      <c r="F613" s="3"/>
      <c r="G613" s="11"/>
      <c r="H613" s="11"/>
      <c r="I613" s="11"/>
      <c r="J613" s="11"/>
    </row>
    <row r="614" spans="1:10">
      <c r="A614" s="11"/>
      <c r="B614" s="11"/>
      <c r="C614" s="3"/>
      <c r="D614" s="3"/>
      <c r="E614" s="3"/>
      <c r="F614" s="3"/>
      <c r="G614" s="11"/>
      <c r="H614" s="11"/>
      <c r="I614" s="11"/>
      <c r="J614" s="11"/>
    </row>
    <row r="615" spans="1:10">
      <c r="A615" s="11"/>
      <c r="B615" s="11"/>
      <c r="C615" s="3"/>
      <c r="D615" s="3"/>
      <c r="E615" s="3"/>
      <c r="F615" s="3"/>
      <c r="G615" s="11"/>
      <c r="H615" s="11"/>
      <c r="I615" s="11"/>
      <c r="J615" s="11"/>
    </row>
    <row r="616" spans="1:10">
      <c r="A616" s="11"/>
      <c r="B616" s="11"/>
      <c r="C616" s="3"/>
      <c r="D616" s="3"/>
      <c r="E616" s="3"/>
      <c r="F616" s="3"/>
      <c r="G616" s="11"/>
      <c r="H616" s="11"/>
      <c r="I616" s="11"/>
      <c r="J616" s="11"/>
    </row>
    <row r="617" spans="1:10">
      <c r="A617" s="11"/>
      <c r="B617" s="11"/>
      <c r="C617" s="3"/>
      <c r="D617" s="3"/>
      <c r="E617" s="3"/>
      <c r="F617" s="3"/>
      <c r="G617" s="11"/>
      <c r="H617" s="11"/>
      <c r="I617" s="11"/>
      <c r="J617" s="11"/>
    </row>
    <row r="618" spans="1:10">
      <c r="A618" s="11"/>
      <c r="B618" s="11"/>
      <c r="C618" s="3"/>
      <c r="D618" s="3"/>
      <c r="E618" s="3"/>
      <c r="F618" s="3"/>
      <c r="G618" s="11"/>
      <c r="H618" s="11"/>
      <c r="I618" s="11"/>
      <c r="J618" s="11"/>
    </row>
    <row r="619" spans="1:10">
      <c r="A619" s="11"/>
      <c r="B619" s="11"/>
      <c r="C619" s="3"/>
      <c r="D619" s="3"/>
      <c r="E619" s="3"/>
      <c r="F619" s="3"/>
      <c r="G619" s="11"/>
      <c r="H619" s="11"/>
      <c r="I619" s="11"/>
      <c r="J619" s="11"/>
    </row>
    <row r="620" spans="1:10">
      <c r="A620" s="11"/>
      <c r="B620" s="11"/>
      <c r="C620" s="3"/>
      <c r="D620" s="3"/>
      <c r="E620" s="3"/>
      <c r="F620" s="3"/>
      <c r="G620" s="11"/>
      <c r="H620" s="11"/>
      <c r="I620" s="11"/>
      <c r="J620" s="11"/>
    </row>
    <row r="621" spans="1:10">
      <c r="A621" s="11"/>
      <c r="B621" s="11"/>
      <c r="C621" s="3"/>
      <c r="D621" s="3"/>
      <c r="E621" s="3"/>
      <c r="F621" s="3"/>
      <c r="G621" s="11"/>
      <c r="H621" s="11"/>
      <c r="I621" s="11"/>
      <c r="J621" s="11"/>
    </row>
    <row r="622" spans="1:10">
      <c r="A622" s="11"/>
      <c r="B622" s="11"/>
      <c r="C622" s="3"/>
      <c r="D622" s="3"/>
      <c r="E622" s="3"/>
      <c r="F622" s="3"/>
      <c r="G622" s="11"/>
      <c r="H622" s="11"/>
      <c r="I622" s="11"/>
      <c r="J622" s="11"/>
    </row>
    <row r="623" spans="1:10">
      <c r="A623" s="11"/>
      <c r="B623" s="11"/>
      <c r="C623" s="3"/>
      <c r="D623" s="3"/>
      <c r="E623" s="3"/>
      <c r="F623" s="3"/>
      <c r="G623" s="11"/>
      <c r="H623" s="11"/>
      <c r="I623" s="11"/>
      <c r="J623" s="11"/>
    </row>
    <row r="624" spans="1:10">
      <c r="A624" s="11"/>
      <c r="B624" s="11"/>
      <c r="C624" s="3"/>
      <c r="D624" s="3"/>
      <c r="E624" s="3"/>
      <c r="F624" s="3"/>
      <c r="G624" s="11"/>
      <c r="H624" s="11"/>
      <c r="I624" s="11"/>
      <c r="J624" s="11"/>
    </row>
    <row r="625" spans="1:10">
      <c r="A625" s="11"/>
      <c r="B625" s="11"/>
      <c r="C625" s="3"/>
      <c r="D625" s="3"/>
      <c r="E625" s="3"/>
      <c r="F625" s="3"/>
      <c r="G625" s="11"/>
      <c r="H625" s="11"/>
      <c r="I625" s="11"/>
      <c r="J625" s="11"/>
    </row>
    <row r="626" spans="1:10">
      <c r="A626" s="11"/>
      <c r="B626" s="11"/>
      <c r="C626" s="3"/>
      <c r="D626" s="3"/>
      <c r="E626" s="3"/>
      <c r="F626" s="3"/>
      <c r="G626" s="11"/>
      <c r="H626" s="11"/>
      <c r="I626" s="11"/>
      <c r="J626" s="11"/>
    </row>
    <row r="627" spans="1:10">
      <c r="A627" s="11"/>
      <c r="B627" s="11"/>
      <c r="C627" s="3"/>
      <c r="D627" s="3"/>
      <c r="E627" s="3"/>
      <c r="F627" s="3"/>
      <c r="G627" s="11"/>
      <c r="H627" s="11"/>
      <c r="I627" s="11"/>
      <c r="J627" s="11"/>
    </row>
    <row r="628" spans="1:10">
      <c r="A628" s="11"/>
      <c r="B628" s="11"/>
      <c r="C628" s="3"/>
      <c r="D628" s="3"/>
      <c r="E628" s="3"/>
      <c r="F628" s="3"/>
      <c r="G628" s="11"/>
      <c r="H628" s="11"/>
      <c r="I628" s="11"/>
      <c r="J628" s="11"/>
    </row>
    <row r="629" spans="1:10">
      <c r="A629" s="11"/>
      <c r="B629" s="11"/>
      <c r="C629" s="3"/>
      <c r="D629" s="3"/>
      <c r="E629" s="3"/>
      <c r="F629" s="3"/>
      <c r="G629" s="11"/>
      <c r="H629" s="11"/>
      <c r="I629" s="11"/>
      <c r="J629" s="11"/>
    </row>
    <row r="630" spans="1:10">
      <c r="A630" s="11"/>
      <c r="B630" s="11"/>
      <c r="C630" s="3"/>
      <c r="D630" s="3"/>
      <c r="E630" s="3"/>
      <c r="F630" s="3"/>
      <c r="G630" s="11"/>
      <c r="H630" s="11"/>
      <c r="I630" s="11"/>
      <c r="J630" s="11"/>
    </row>
    <row r="631" spans="1:10">
      <c r="A631" s="11"/>
      <c r="B631" s="11"/>
      <c r="C631" s="3"/>
      <c r="D631" s="3"/>
      <c r="E631" s="3"/>
      <c r="F631" s="3"/>
      <c r="G631" s="11"/>
      <c r="H631" s="11"/>
      <c r="I631" s="11"/>
      <c r="J631" s="11"/>
    </row>
    <row r="632" spans="1:10">
      <c r="A632" s="11"/>
      <c r="B632" s="11"/>
      <c r="C632" s="3"/>
      <c r="D632" s="3"/>
      <c r="E632" s="3"/>
      <c r="F632" s="3"/>
      <c r="G632" s="11"/>
      <c r="H632" s="11"/>
      <c r="I632" s="11"/>
      <c r="J632" s="11"/>
    </row>
    <row r="633" spans="1:10">
      <c r="A633" s="11"/>
      <c r="B633" s="11"/>
      <c r="C633" s="3"/>
      <c r="D633" s="3"/>
      <c r="E633" s="3"/>
      <c r="F633" s="3"/>
      <c r="G633" s="11"/>
      <c r="H633" s="11"/>
      <c r="I633" s="11"/>
      <c r="J633" s="11"/>
    </row>
    <row r="634" spans="1:10">
      <c r="A634" s="11"/>
      <c r="B634" s="11"/>
      <c r="C634" s="3"/>
      <c r="D634" s="3"/>
      <c r="E634" s="3"/>
      <c r="F634" s="3"/>
      <c r="G634" s="11"/>
      <c r="H634" s="11"/>
      <c r="I634" s="11"/>
      <c r="J634" s="11"/>
    </row>
    <row r="635" spans="1:10">
      <c r="A635" s="11"/>
      <c r="B635" s="11"/>
      <c r="C635" s="3"/>
      <c r="D635" s="3"/>
      <c r="E635" s="3"/>
      <c r="F635" s="3"/>
      <c r="G635" s="11"/>
      <c r="H635" s="11"/>
      <c r="I635" s="11"/>
      <c r="J635" s="11"/>
    </row>
    <row r="636" spans="1:10">
      <c r="A636" s="11"/>
      <c r="B636" s="11"/>
      <c r="C636" s="3"/>
      <c r="D636" s="3"/>
      <c r="E636" s="3"/>
      <c r="F636" s="3"/>
      <c r="G636" s="11"/>
      <c r="H636" s="11"/>
      <c r="I636" s="11"/>
      <c r="J636" s="11"/>
    </row>
    <row r="637" spans="1:10">
      <c r="A637" s="11"/>
      <c r="B637" s="11"/>
      <c r="C637" s="3"/>
      <c r="D637" s="3"/>
      <c r="E637" s="3"/>
      <c r="F637" s="3"/>
      <c r="G637" s="11"/>
      <c r="H637" s="11"/>
      <c r="I637" s="11"/>
      <c r="J637" s="11"/>
    </row>
    <row r="638" spans="1:10">
      <c r="A638" s="11"/>
      <c r="B638" s="11"/>
      <c r="C638" s="3"/>
      <c r="D638" s="3"/>
      <c r="E638" s="3"/>
      <c r="F638" s="3"/>
      <c r="G638" s="11"/>
      <c r="H638" s="11"/>
      <c r="I638" s="11"/>
      <c r="J638" s="11"/>
    </row>
    <row r="639" spans="1:10">
      <c r="A639" s="11"/>
      <c r="B639" s="11"/>
      <c r="C639" s="3"/>
      <c r="D639" s="3"/>
      <c r="E639" s="3"/>
      <c r="F639" s="3"/>
      <c r="G639" s="11"/>
      <c r="H639" s="11"/>
      <c r="I639" s="11"/>
      <c r="J639" s="11"/>
    </row>
    <row r="640" spans="1:10">
      <c r="A640" s="11"/>
      <c r="B640" s="11"/>
      <c r="C640" s="3"/>
      <c r="D640" s="3"/>
      <c r="E640" s="3"/>
      <c r="F640" s="3"/>
      <c r="G640" s="11"/>
      <c r="H640" s="11"/>
      <c r="I640" s="11"/>
      <c r="J640" s="11"/>
    </row>
    <row r="641" spans="1:10">
      <c r="A641" s="11"/>
      <c r="B641" s="11"/>
      <c r="C641" s="3"/>
      <c r="D641" s="3"/>
      <c r="E641" s="3"/>
      <c r="F641" s="3"/>
      <c r="G641" s="11"/>
      <c r="H641" s="11"/>
      <c r="I641" s="11"/>
      <c r="J641" s="11"/>
    </row>
    <row r="642" spans="1:10">
      <c r="A642" s="11"/>
      <c r="B642" s="11"/>
      <c r="C642" s="3"/>
      <c r="D642" s="3"/>
      <c r="E642" s="3"/>
      <c r="F642" s="3"/>
      <c r="G642" s="11"/>
      <c r="H642" s="11"/>
      <c r="I642" s="11"/>
      <c r="J642" s="11"/>
    </row>
    <row r="643" spans="1:10">
      <c r="A643" s="11"/>
      <c r="B643" s="11"/>
      <c r="C643" s="3"/>
      <c r="D643" s="3"/>
      <c r="E643" s="3"/>
      <c r="F643" s="3"/>
      <c r="G643" s="11"/>
      <c r="H643" s="11"/>
      <c r="I643" s="11"/>
      <c r="J643" s="11"/>
    </row>
    <row r="644" spans="1:10">
      <c r="A644" s="11"/>
      <c r="B644" s="11"/>
      <c r="C644" s="3"/>
      <c r="D644" s="3"/>
      <c r="E644" s="3"/>
      <c r="F644" s="3"/>
      <c r="G644" s="11"/>
      <c r="H644" s="11"/>
      <c r="I644" s="11"/>
      <c r="J644" s="11"/>
    </row>
    <row r="645" spans="1:10">
      <c r="A645" s="11"/>
      <c r="B645" s="11"/>
      <c r="C645" s="3"/>
      <c r="D645" s="3"/>
      <c r="E645" s="3"/>
      <c r="F645" s="3"/>
      <c r="G645" s="11"/>
      <c r="H645" s="11"/>
      <c r="I645" s="11"/>
      <c r="J645" s="11"/>
    </row>
    <row r="646" spans="1:10">
      <c r="A646" s="11"/>
      <c r="B646" s="11"/>
      <c r="C646" s="3"/>
      <c r="D646" s="3"/>
      <c r="E646" s="3"/>
      <c r="F646" s="3"/>
      <c r="G646" s="11"/>
      <c r="H646" s="11"/>
      <c r="I646" s="11"/>
      <c r="J646" s="11"/>
    </row>
    <row r="647" spans="1:10">
      <c r="A647" s="11"/>
      <c r="B647" s="11"/>
      <c r="C647" s="3"/>
      <c r="D647" s="3"/>
      <c r="E647" s="3"/>
      <c r="F647" s="3"/>
      <c r="G647" s="11"/>
      <c r="H647" s="11"/>
      <c r="I647" s="11"/>
      <c r="J647" s="11"/>
    </row>
    <row r="648" spans="1:10">
      <c r="A648" s="11"/>
      <c r="B648" s="11"/>
      <c r="C648" s="3"/>
      <c r="D648" s="3"/>
      <c r="E648" s="3"/>
      <c r="F648" s="3"/>
      <c r="G648" s="11"/>
      <c r="H648" s="11"/>
      <c r="I648" s="11"/>
      <c r="J648" s="11"/>
    </row>
    <row r="649" spans="1:10">
      <c r="A649" s="11"/>
      <c r="B649" s="11"/>
      <c r="C649" s="3"/>
      <c r="D649" s="3"/>
      <c r="E649" s="3"/>
      <c r="F649" s="3"/>
      <c r="G649" s="11"/>
      <c r="H649" s="11"/>
      <c r="I649" s="11"/>
      <c r="J649" s="11"/>
    </row>
    <row r="650" spans="1:10">
      <c r="A650" s="11"/>
      <c r="B650" s="11"/>
      <c r="C650" s="3"/>
      <c r="D650" s="3"/>
      <c r="E650" s="3"/>
      <c r="F650" s="3"/>
      <c r="G650" s="11"/>
      <c r="H650" s="11"/>
      <c r="I650" s="11"/>
      <c r="J650" s="11"/>
    </row>
    <row r="651" spans="1:10">
      <c r="A651" s="11"/>
      <c r="B651" s="11"/>
      <c r="C651" s="3"/>
      <c r="D651" s="3"/>
      <c r="E651" s="3"/>
      <c r="F651" s="3"/>
      <c r="G651" s="11"/>
      <c r="H651" s="11"/>
      <c r="I651" s="11"/>
      <c r="J651" s="11"/>
    </row>
    <row r="652" spans="1:10">
      <c r="A652" s="11"/>
      <c r="B652" s="11"/>
      <c r="C652" s="3"/>
      <c r="D652" s="3"/>
      <c r="E652" s="3"/>
      <c r="F652" s="3"/>
      <c r="G652" s="11"/>
      <c r="H652" s="11"/>
      <c r="I652" s="11"/>
      <c r="J652" s="11"/>
    </row>
    <row r="653" spans="1:10">
      <c r="A653" s="11"/>
      <c r="B653" s="11"/>
      <c r="C653" s="3"/>
      <c r="D653" s="3"/>
      <c r="E653" s="3"/>
      <c r="F653" s="3"/>
      <c r="G653" s="11"/>
      <c r="H653" s="11"/>
      <c r="I653" s="11"/>
      <c r="J653" s="11"/>
    </row>
    <row r="654" spans="1:10">
      <c r="A654" s="11"/>
      <c r="B654" s="11"/>
      <c r="C654" s="3"/>
      <c r="D654" s="3"/>
      <c r="E654" s="3"/>
      <c r="F654" s="3"/>
      <c r="G654" s="11"/>
      <c r="H654" s="11"/>
      <c r="I654" s="11"/>
      <c r="J654" s="11"/>
    </row>
    <row r="655" spans="1:10">
      <c r="A655" s="11"/>
      <c r="B655" s="11"/>
      <c r="C655" s="3"/>
      <c r="D655" s="3"/>
      <c r="E655" s="3"/>
      <c r="F655" s="3"/>
      <c r="G655" s="11"/>
      <c r="H655" s="11"/>
      <c r="I655" s="11"/>
      <c r="J655" s="11"/>
    </row>
    <row r="656" spans="1:10">
      <c r="A656" s="11"/>
      <c r="B656" s="11"/>
      <c r="C656" s="3"/>
      <c r="D656" s="3"/>
      <c r="E656" s="3"/>
      <c r="F656" s="3"/>
      <c r="G656" s="11"/>
      <c r="H656" s="11"/>
      <c r="I656" s="11"/>
      <c r="J656" s="11"/>
    </row>
    <row r="657" spans="1:10">
      <c r="A657" s="11"/>
      <c r="B657" s="11"/>
      <c r="C657" s="3"/>
      <c r="D657" s="3"/>
      <c r="E657" s="3"/>
      <c r="F657" s="3"/>
      <c r="G657" s="11"/>
      <c r="H657" s="11"/>
      <c r="I657" s="11"/>
      <c r="J657" s="11"/>
    </row>
    <row r="658" spans="1:10">
      <c r="A658" s="11"/>
      <c r="B658" s="11"/>
      <c r="C658" s="3"/>
      <c r="D658" s="3"/>
      <c r="E658" s="3"/>
      <c r="F658" s="3"/>
      <c r="G658" s="11"/>
      <c r="H658" s="11"/>
      <c r="I658" s="11"/>
      <c r="J658" s="11"/>
    </row>
    <row r="659" spans="1:10">
      <c r="A659" s="11"/>
      <c r="B659" s="11"/>
      <c r="C659" s="3"/>
      <c r="D659" s="3"/>
      <c r="E659" s="3"/>
      <c r="F659" s="3"/>
      <c r="G659" s="11"/>
      <c r="H659" s="11"/>
      <c r="I659" s="11"/>
      <c r="J659" s="11"/>
    </row>
    <row r="660" spans="1:10">
      <c r="A660" s="11"/>
      <c r="B660" s="11"/>
      <c r="C660" s="3"/>
      <c r="D660" s="3"/>
      <c r="E660" s="3"/>
      <c r="F660" s="3"/>
      <c r="G660" s="11"/>
      <c r="H660" s="11"/>
      <c r="I660" s="11"/>
      <c r="J660" s="11"/>
    </row>
    <row r="661" spans="1:10">
      <c r="A661" s="11"/>
      <c r="B661" s="11"/>
      <c r="C661" s="3"/>
      <c r="D661" s="3"/>
      <c r="E661" s="3"/>
      <c r="F661" s="3"/>
      <c r="G661" s="11"/>
      <c r="H661" s="11"/>
      <c r="I661" s="11"/>
      <c r="J661" s="11"/>
    </row>
    <row r="662" spans="1:10">
      <c r="A662" s="11"/>
      <c r="B662" s="11"/>
      <c r="C662" s="3"/>
      <c r="D662" s="3"/>
      <c r="E662" s="3"/>
      <c r="F662" s="3"/>
      <c r="G662" s="11"/>
      <c r="H662" s="11"/>
      <c r="I662" s="11"/>
      <c r="J662" s="11"/>
    </row>
    <row r="663" spans="1:10">
      <c r="A663" s="11"/>
      <c r="B663" s="11"/>
      <c r="C663" s="3"/>
      <c r="D663" s="3"/>
      <c r="E663" s="3"/>
      <c r="F663" s="3"/>
      <c r="G663" s="11"/>
      <c r="H663" s="11"/>
      <c r="I663" s="11"/>
      <c r="J663" s="11"/>
    </row>
    <row r="664" spans="1:10">
      <c r="A664" s="11"/>
      <c r="B664" s="11"/>
      <c r="C664" s="3"/>
      <c r="D664" s="3"/>
      <c r="E664" s="3"/>
      <c r="F664" s="3"/>
      <c r="G664" s="11"/>
      <c r="H664" s="11"/>
      <c r="I664" s="11"/>
      <c r="J664" s="11"/>
    </row>
    <row r="665" spans="1:10">
      <c r="A665" s="11"/>
      <c r="B665" s="11"/>
      <c r="C665" s="3"/>
      <c r="D665" s="3"/>
      <c r="E665" s="3"/>
      <c r="F665" s="3"/>
      <c r="G665" s="11"/>
      <c r="H665" s="11"/>
      <c r="I665" s="11"/>
      <c r="J665" s="11"/>
    </row>
    <row r="666" spans="1:10">
      <c r="A666" s="11"/>
      <c r="B666" s="11"/>
      <c r="C666" s="3"/>
      <c r="D666" s="3"/>
      <c r="E666" s="3"/>
      <c r="F666" s="3"/>
      <c r="G666" s="11"/>
      <c r="H666" s="11"/>
      <c r="I666" s="11"/>
      <c r="J666" s="11"/>
    </row>
    <row r="667" spans="1:10">
      <c r="A667" s="11"/>
      <c r="B667" s="11"/>
      <c r="C667" s="3"/>
      <c r="D667" s="3"/>
      <c r="E667" s="3"/>
      <c r="F667" s="3"/>
      <c r="G667" s="11"/>
      <c r="H667" s="11"/>
      <c r="I667" s="11"/>
      <c r="J667" s="11"/>
    </row>
    <row r="668" spans="1:10">
      <c r="A668" s="11"/>
      <c r="B668" s="11"/>
      <c r="C668" s="3"/>
      <c r="D668" s="3"/>
      <c r="E668" s="3"/>
      <c r="F668" s="3"/>
      <c r="G668" s="11"/>
      <c r="H668" s="11"/>
      <c r="I668" s="11"/>
      <c r="J668" s="11"/>
    </row>
    <row r="669" spans="1:10">
      <c r="A669" s="11"/>
      <c r="B669" s="11"/>
      <c r="C669" s="3"/>
      <c r="D669" s="3"/>
      <c r="E669" s="3"/>
      <c r="F669" s="3"/>
      <c r="G669" s="11"/>
      <c r="H669" s="11"/>
      <c r="I669" s="11"/>
      <c r="J669" s="11"/>
    </row>
    <row r="670" spans="1:10">
      <c r="A670" s="11"/>
      <c r="B670" s="11"/>
      <c r="C670" s="3"/>
      <c r="D670" s="3"/>
      <c r="E670" s="3"/>
      <c r="F670" s="3"/>
      <c r="G670" s="11"/>
      <c r="H670" s="11"/>
      <c r="I670" s="11"/>
      <c r="J670" s="11"/>
    </row>
    <row r="671" spans="1:10">
      <c r="A671" s="11"/>
      <c r="B671" s="11"/>
      <c r="C671" s="3"/>
      <c r="D671" s="3"/>
      <c r="E671" s="3"/>
      <c r="F671" s="3"/>
      <c r="G671" s="11"/>
      <c r="H671" s="11"/>
      <c r="I671" s="11"/>
      <c r="J671" s="11"/>
    </row>
    <row r="672" spans="1:10">
      <c r="A672" s="11"/>
      <c r="B672" s="11"/>
      <c r="C672" s="3"/>
      <c r="D672" s="3"/>
      <c r="E672" s="3"/>
      <c r="F672" s="3"/>
      <c r="G672" s="11"/>
      <c r="H672" s="11"/>
      <c r="I672" s="11"/>
      <c r="J672" s="11"/>
    </row>
    <row r="673" spans="1:10">
      <c r="A673" s="11"/>
      <c r="B673" s="11"/>
      <c r="C673" s="3"/>
      <c r="D673" s="3"/>
      <c r="E673" s="3"/>
      <c r="F673" s="3"/>
      <c r="G673" s="11"/>
      <c r="H673" s="11"/>
      <c r="I673" s="11"/>
      <c r="J673" s="11"/>
    </row>
    <row r="674" spans="1:10">
      <c r="A674" s="11"/>
      <c r="B674" s="11"/>
      <c r="C674" s="3"/>
      <c r="D674" s="3"/>
      <c r="E674" s="3"/>
      <c r="F674" s="3"/>
      <c r="G674" s="11"/>
      <c r="H674" s="11"/>
      <c r="I674" s="11"/>
      <c r="J674" s="11"/>
    </row>
    <row r="675" spans="1:10">
      <c r="A675" s="11"/>
      <c r="B675" s="11"/>
      <c r="C675" s="3"/>
      <c r="D675" s="3"/>
      <c r="E675" s="3"/>
      <c r="F675" s="3"/>
      <c r="G675" s="11"/>
      <c r="H675" s="11"/>
      <c r="I675" s="11"/>
      <c r="J675" s="11"/>
    </row>
    <row r="676" spans="1:10">
      <c r="A676" s="11"/>
      <c r="B676" s="11"/>
      <c r="C676" s="3"/>
      <c r="D676" s="3"/>
      <c r="E676" s="3"/>
      <c r="F676" s="3"/>
      <c r="G676" s="11"/>
      <c r="H676" s="11"/>
      <c r="I676" s="11"/>
      <c r="J676" s="11"/>
    </row>
    <row r="677" spans="1:10">
      <c r="A677" s="11"/>
      <c r="B677" s="11"/>
      <c r="C677" s="3"/>
      <c r="D677" s="3"/>
      <c r="E677" s="3"/>
      <c r="F677" s="3"/>
      <c r="G677" s="11"/>
      <c r="H677" s="11"/>
      <c r="I677" s="11"/>
      <c r="J677" s="11"/>
    </row>
    <row r="678" spans="1:10">
      <c r="A678" s="11"/>
      <c r="B678" s="11"/>
      <c r="C678" s="3"/>
      <c r="D678" s="3"/>
      <c r="E678" s="3"/>
      <c r="F678" s="3"/>
      <c r="G678" s="11"/>
      <c r="H678" s="11"/>
      <c r="I678" s="11"/>
      <c r="J678" s="11"/>
    </row>
    <row r="679" spans="1:10">
      <c r="A679" s="11"/>
      <c r="B679" s="11"/>
      <c r="C679" s="3"/>
      <c r="D679" s="3"/>
      <c r="E679" s="3"/>
      <c r="F679" s="3"/>
      <c r="G679" s="11"/>
      <c r="H679" s="11"/>
      <c r="I679" s="11"/>
      <c r="J679" s="11"/>
    </row>
    <row r="680" spans="1:10">
      <c r="A680" s="11"/>
      <c r="B680" s="11"/>
      <c r="C680" s="3"/>
      <c r="D680" s="3"/>
      <c r="E680" s="3"/>
      <c r="F680" s="3"/>
      <c r="G680" s="11"/>
      <c r="H680" s="11"/>
      <c r="I680" s="11"/>
      <c r="J680" s="11"/>
    </row>
    <row r="681" spans="1:10">
      <c r="A681" s="11"/>
      <c r="B681" s="11"/>
      <c r="C681" s="3"/>
      <c r="D681" s="3"/>
      <c r="E681" s="3"/>
      <c r="F681" s="3"/>
      <c r="G681" s="11"/>
      <c r="H681" s="11"/>
      <c r="I681" s="11"/>
      <c r="J681" s="11"/>
    </row>
    <row r="682" spans="1:10">
      <c r="A682" s="11"/>
      <c r="B682" s="11"/>
      <c r="C682" s="3"/>
      <c r="D682" s="3"/>
      <c r="E682" s="3"/>
      <c r="F682" s="3"/>
      <c r="G682" s="11"/>
      <c r="H682" s="11"/>
      <c r="I682" s="11"/>
      <c r="J682" s="11"/>
    </row>
    <row r="683" spans="1:10">
      <c r="A683" s="11"/>
      <c r="B683" s="11"/>
      <c r="C683" s="3"/>
      <c r="D683" s="3"/>
      <c r="E683" s="3"/>
      <c r="F683" s="3"/>
      <c r="G683" s="11"/>
      <c r="H683" s="11"/>
      <c r="I683" s="11"/>
      <c r="J683" s="11"/>
    </row>
    <row r="684" spans="1:10">
      <c r="A684" s="11"/>
      <c r="B684" s="11"/>
      <c r="C684" s="3"/>
      <c r="D684" s="3"/>
      <c r="E684" s="3"/>
      <c r="F684" s="3"/>
      <c r="G684" s="11"/>
      <c r="H684" s="11"/>
      <c r="I684" s="11"/>
      <c r="J684" s="11"/>
    </row>
    <row r="685" spans="1:10">
      <c r="A685" s="11"/>
      <c r="B685" s="11"/>
      <c r="C685" s="3"/>
      <c r="D685" s="3"/>
      <c r="E685" s="3"/>
      <c r="F685" s="3"/>
      <c r="G685" s="11"/>
      <c r="H685" s="11"/>
      <c r="I685" s="11"/>
      <c r="J685" s="11"/>
    </row>
    <row r="686" spans="1:10">
      <c r="A686" s="11"/>
      <c r="B686" s="11"/>
      <c r="C686" s="3"/>
      <c r="D686" s="3"/>
      <c r="E686" s="3"/>
      <c r="F686" s="3"/>
      <c r="G686" s="11"/>
      <c r="H686" s="11"/>
      <c r="I686" s="11"/>
      <c r="J686" s="11"/>
    </row>
    <row r="687" spans="1:10">
      <c r="A687" s="11"/>
      <c r="B687" s="11"/>
      <c r="C687" s="3"/>
      <c r="D687" s="3"/>
      <c r="E687" s="3"/>
      <c r="F687" s="3"/>
      <c r="G687" s="11"/>
      <c r="H687" s="11"/>
      <c r="I687" s="11"/>
      <c r="J687" s="11"/>
    </row>
    <row r="688" spans="1:10">
      <c r="A688" s="11"/>
      <c r="B688" s="11"/>
      <c r="C688" s="3"/>
      <c r="D688" s="3"/>
      <c r="E688" s="3"/>
      <c r="F688" s="3"/>
      <c r="G688" s="11"/>
      <c r="H688" s="11"/>
      <c r="I688" s="11"/>
      <c r="J688" s="11"/>
    </row>
    <row r="689" spans="1:10">
      <c r="A689" s="11"/>
      <c r="B689" s="11"/>
      <c r="C689" s="3"/>
      <c r="D689" s="3"/>
      <c r="E689" s="3"/>
      <c r="F689" s="3"/>
      <c r="G689" s="11"/>
      <c r="H689" s="11"/>
      <c r="I689" s="11"/>
      <c r="J689" s="11"/>
    </row>
    <row r="690" spans="1:10">
      <c r="A690" s="11"/>
      <c r="B690" s="11"/>
      <c r="C690" s="3"/>
      <c r="D690" s="3"/>
      <c r="E690" s="3"/>
      <c r="F690" s="3"/>
      <c r="G690" s="11"/>
      <c r="H690" s="11"/>
      <c r="I690" s="11"/>
      <c r="J690" s="11"/>
    </row>
    <row r="691" spans="1:10">
      <c r="A691" s="11"/>
      <c r="B691" s="11"/>
      <c r="C691" s="3"/>
      <c r="D691" s="3"/>
      <c r="E691" s="3"/>
      <c r="F691" s="3"/>
      <c r="G691" s="11"/>
      <c r="H691" s="11"/>
      <c r="I691" s="11"/>
      <c r="J691" s="11"/>
    </row>
    <row r="692" spans="1:10">
      <c r="A692" s="11"/>
      <c r="B692" s="11"/>
      <c r="C692" s="3"/>
      <c r="D692" s="3"/>
      <c r="E692" s="3"/>
      <c r="F692" s="3"/>
      <c r="G692" s="11"/>
      <c r="H692" s="11"/>
      <c r="I692" s="11"/>
      <c r="J692" s="11"/>
    </row>
    <row r="693" spans="1:10">
      <c r="A693" s="11"/>
      <c r="B693" s="11"/>
      <c r="C693" s="3"/>
      <c r="D693" s="3"/>
      <c r="E693" s="3"/>
      <c r="F693" s="3"/>
      <c r="G693" s="11"/>
      <c r="H693" s="11"/>
      <c r="I693" s="11"/>
      <c r="J693" s="11"/>
    </row>
    <row r="694" spans="1:10">
      <c r="A694" s="11"/>
      <c r="B694" s="11"/>
      <c r="C694" s="3"/>
      <c r="D694" s="3"/>
      <c r="E694" s="3"/>
      <c r="F694" s="3"/>
      <c r="G694" s="11"/>
      <c r="H694" s="11"/>
      <c r="I694" s="11"/>
      <c r="J694" s="11"/>
    </row>
    <row r="695" spans="1:10">
      <c r="A695" s="11"/>
      <c r="B695" s="11"/>
      <c r="C695" s="3"/>
      <c r="D695" s="3"/>
      <c r="E695" s="3"/>
      <c r="F695" s="3"/>
      <c r="G695" s="11"/>
      <c r="H695" s="11"/>
      <c r="I695" s="11"/>
      <c r="J695" s="11"/>
    </row>
    <row r="696" spans="1:10">
      <c r="A696" s="11"/>
      <c r="B696" s="11"/>
      <c r="C696" s="3"/>
      <c r="D696" s="3"/>
      <c r="E696" s="3"/>
      <c r="F696" s="3"/>
      <c r="G696" s="11"/>
      <c r="H696" s="11"/>
      <c r="I696" s="11"/>
      <c r="J696" s="11"/>
    </row>
    <row r="697" spans="1:10">
      <c r="A697" s="11"/>
      <c r="B697" s="11"/>
      <c r="C697" s="3"/>
      <c r="D697" s="3"/>
      <c r="E697" s="3"/>
      <c r="F697" s="3"/>
      <c r="G697" s="11"/>
      <c r="H697" s="11"/>
      <c r="I697" s="11"/>
      <c r="J697" s="11"/>
    </row>
    <row r="698" spans="1:10">
      <c r="A698" s="11"/>
      <c r="B698" s="11"/>
      <c r="C698" s="3"/>
      <c r="D698" s="3"/>
      <c r="E698" s="3"/>
      <c r="F698" s="3"/>
      <c r="G698" s="11"/>
      <c r="H698" s="11"/>
      <c r="I698" s="11"/>
      <c r="J698" s="11"/>
    </row>
    <row r="699" spans="1:10">
      <c r="A699" s="11"/>
      <c r="B699" s="11"/>
      <c r="C699" s="3"/>
      <c r="D699" s="3"/>
      <c r="E699" s="3"/>
      <c r="F699" s="3"/>
      <c r="G699" s="11"/>
      <c r="H699" s="11"/>
      <c r="I699" s="11"/>
      <c r="J699" s="11"/>
    </row>
    <row r="700" spans="1:10">
      <c r="A700" s="11"/>
      <c r="B700" s="11"/>
      <c r="C700" s="3"/>
      <c r="D700" s="3"/>
      <c r="E700" s="3"/>
      <c r="F700" s="3"/>
      <c r="G700" s="11"/>
      <c r="H700" s="11"/>
      <c r="I700" s="11"/>
      <c r="J700" s="11"/>
    </row>
    <row r="701" spans="1:10">
      <c r="A701" s="11"/>
      <c r="B701" s="11"/>
      <c r="C701" s="3"/>
      <c r="D701" s="3"/>
      <c r="E701" s="3"/>
      <c r="F701" s="3"/>
      <c r="G701" s="11"/>
      <c r="H701" s="11"/>
      <c r="I701" s="11"/>
      <c r="J701" s="11"/>
    </row>
    <row r="702" spans="1:10">
      <c r="A702" s="11"/>
      <c r="B702" s="11"/>
      <c r="C702" s="3"/>
      <c r="D702" s="3"/>
      <c r="E702" s="3"/>
      <c r="F702" s="3"/>
      <c r="G702" s="11"/>
      <c r="H702" s="11"/>
      <c r="I702" s="11"/>
      <c r="J702" s="11"/>
    </row>
    <row r="703" spans="1:10">
      <c r="A703" s="11"/>
      <c r="B703" s="11"/>
      <c r="C703" s="3"/>
      <c r="D703" s="3"/>
      <c r="E703" s="3"/>
      <c r="F703" s="3"/>
      <c r="G703" s="11"/>
      <c r="H703" s="11"/>
      <c r="I703" s="11"/>
      <c r="J703" s="11"/>
    </row>
    <row r="704" spans="1:10">
      <c r="A704" s="11"/>
      <c r="B704" s="11"/>
      <c r="C704" s="3"/>
      <c r="D704" s="3"/>
      <c r="E704" s="3"/>
      <c r="F704" s="3"/>
      <c r="G704" s="11"/>
      <c r="H704" s="11"/>
      <c r="I704" s="11"/>
      <c r="J704" s="11"/>
    </row>
    <row r="705" spans="1:10">
      <c r="A705" s="11"/>
      <c r="B705" s="11"/>
      <c r="C705" s="3"/>
      <c r="D705" s="3"/>
      <c r="E705" s="3"/>
      <c r="F705" s="3"/>
      <c r="G705" s="11"/>
      <c r="H705" s="11"/>
      <c r="I705" s="11"/>
      <c r="J705" s="11"/>
    </row>
    <row r="706" spans="1:10">
      <c r="A706" s="11"/>
      <c r="B706" s="11"/>
      <c r="C706" s="3"/>
      <c r="D706" s="3"/>
      <c r="E706" s="3"/>
      <c r="F706" s="3"/>
      <c r="G706" s="11"/>
      <c r="H706" s="11"/>
      <c r="I706" s="11"/>
      <c r="J706" s="11"/>
    </row>
    <row r="707" spans="1:10">
      <c r="A707" s="11"/>
      <c r="B707" s="11"/>
      <c r="C707" s="3"/>
      <c r="D707" s="3"/>
      <c r="E707" s="3"/>
      <c r="F707" s="3"/>
      <c r="G707" s="11"/>
      <c r="H707" s="11"/>
      <c r="I707" s="11"/>
      <c r="J707" s="11"/>
    </row>
    <row r="708" spans="1:10">
      <c r="A708" s="11"/>
      <c r="B708" s="11"/>
      <c r="C708" s="3"/>
      <c r="D708" s="3"/>
      <c r="E708" s="3"/>
      <c r="F708" s="3"/>
      <c r="G708" s="11"/>
      <c r="H708" s="11"/>
      <c r="I708" s="11"/>
      <c r="J708" s="11"/>
    </row>
    <row r="709" spans="1:10">
      <c r="A709" s="11"/>
      <c r="B709" s="11"/>
      <c r="C709" s="3"/>
      <c r="D709" s="3"/>
      <c r="E709" s="3"/>
      <c r="F709" s="3"/>
      <c r="G709" s="11"/>
      <c r="H709" s="11"/>
      <c r="I709" s="11"/>
      <c r="J709" s="11"/>
    </row>
    <row r="710" spans="1:10">
      <c r="A710" s="11"/>
      <c r="B710" s="11"/>
      <c r="C710" s="3"/>
      <c r="D710" s="3"/>
      <c r="E710" s="3"/>
      <c r="F710" s="3"/>
      <c r="G710" s="11"/>
      <c r="H710" s="11"/>
      <c r="I710" s="11"/>
      <c r="J710" s="11"/>
    </row>
    <row r="711" spans="1:10">
      <c r="A711" s="11"/>
      <c r="B711" s="11"/>
      <c r="C711" s="3"/>
      <c r="D711" s="3"/>
      <c r="E711" s="3"/>
      <c r="F711" s="3"/>
      <c r="G711" s="11"/>
      <c r="H711" s="11"/>
      <c r="I711" s="11"/>
      <c r="J711" s="11"/>
    </row>
    <row r="712" spans="1:10">
      <c r="A712" s="11"/>
      <c r="B712" s="11"/>
      <c r="C712" s="3"/>
      <c r="D712" s="3"/>
      <c r="E712" s="3"/>
      <c r="F712" s="3"/>
      <c r="G712" s="11"/>
      <c r="H712" s="11"/>
      <c r="I712" s="11"/>
      <c r="J712" s="11"/>
    </row>
    <row r="713" spans="1:10">
      <c r="A713" s="11"/>
      <c r="B713" s="11"/>
      <c r="C713" s="3"/>
      <c r="D713" s="3"/>
      <c r="E713" s="3"/>
      <c r="F713" s="3"/>
      <c r="G713" s="11"/>
      <c r="H713" s="11"/>
      <c r="I713" s="11"/>
      <c r="J713" s="11"/>
    </row>
    <row r="714" spans="1:10">
      <c r="A714" s="11"/>
      <c r="B714" s="11"/>
      <c r="C714" s="3"/>
      <c r="D714" s="3"/>
      <c r="E714" s="3"/>
      <c r="F714" s="3"/>
      <c r="G714" s="11"/>
      <c r="H714" s="11"/>
      <c r="I714" s="11"/>
      <c r="J714" s="11"/>
    </row>
    <row r="715" spans="1:10">
      <c r="A715" s="11"/>
      <c r="B715" s="11"/>
      <c r="C715" s="3"/>
      <c r="D715" s="3"/>
      <c r="E715" s="3"/>
      <c r="F715" s="3"/>
      <c r="G715" s="11"/>
      <c r="H715" s="11"/>
      <c r="I715" s="11"/>
      <c r="J715" s="11"/>
    </row>
    <row r="716" spans="1:10">
      <c r="A716" s="11"/>
      <c r="B716" s="11"/>
      <c r="C716" s="3"/>
      <c r="D716" s="3"/>
      <c r="E716" s="3"/>
      <c r="F716" s="3"/>
      <c r="G716" s="11"/>
      <c r="H716" s="11"/>
      <c r="I716" s="11"/>
      <c r="J716" s="11"/>
    </row>
    <row r="717" spans="1:10">
      <c r="A717" s="11"/>
      <c r="B717" s="11"/>
      <c r="C717" s="3"/>
      <c r="D717" s="3"/>
      <c r="E717" s="3"/>
      <c r="F717" s="3"/>
      <c r="G717" s="11"/>
      <c r="H717" s="11"/>
      <c r="I717" s="11"/>
      <c r="J717" s="11"/>
    </row>
    <row r="718" spans="1:10">
      <c r="A718" s="11"/>
      <c r="B718" s="11"/>
      <c r="C718" s="3"/>
      <c r="D718" s="3"/>
      <c r="E718" s="3"/>
      <c r="F718" s="3"/>
      <c r="G718" s="11"/>
      <c r="H718" s="11"/>
      <c r="I718" s="11"/>
      <c r="J718" s="11"/>
    </row>
    <row r="719" spans="1:10">
      <c r="A719" s="11"/>
      <c r="B719" s="11"/>
      <c r="C719" s="3"/>
      <c r="D719" s="3"/>
      <c r="E719" s="3"/>
      <c r="F719" s="3"/>
      <c r="G719" s="11"/>
      <c r="H719" s="11"/>
      <c r="I719" s="11"/>
      <c r="J719" s="11"/>
    </row>
    <row r="720" spans="1:10">
      <c r="A720" s="11"/>
      <c r="B720" s="11"/>
      <c r="C720" s="3"/>
      <c r="D720" s="3"/>
      <c r="E720" s="3"/>
      <c r="F720" s="3"/>
      <c r="G720" s="11"/>
      <c r="H720" s="11"/>
      <c r="I720" s="11"/>
      <c r="J720" s="11"/>
    </row>
    <row r="721" spans="1:10">
      <c r="A721" s="11"/>
      <c r="B721" s="11"/>
      <c r="C721" s="3"/>
      <c r="D721" s="3"/>
      <c r="E721" s="3"/>
      <c r="F721" s="3"/>
      <c r="G721" s="11"/>
      <c r="H721" s="11"/>
      <c r="I721" s="11"/>
      <c r="J721" s="11"/>
    </row>
    <row r="722" spans="1:10">
      <c r="A722" s="11"/>
      <c r="B722" s="11"/>
      <c r="C722" s="3"/>
      <c r="D722" s="3"/>
      <c r="E722" s="3"/>
      <c r="F722" s="3"/>
      <c r="G722" s="11"/>
      <c r="H722" s="11"/>
      <c r="I722" s="11"/>
      <c r="J722" s="11"/>
    </row>
    <row r="723" spans="1:10">
      <c r="A723" s="11"/>
      <c r="B723" s="11"/>
      <c r="C723" s="3"/>
      <c r="D723" s="3"/>
      <c r="E723" s="3"/>
      <c r="F723" s="3"/>
      <c r="G723" s="11"/>
      <c r="H723" s="11"/>
      <c r="I723" s="11"/>
      <c r="J723" s="11"/>
    </row>
    <row r="724" spans="1:10">
      <c r="A724" s="11"/>
      <c r="B724" s="11"/>
      <c r="C724" s="3"/>
      <c r="D724" s="3"/>
      <c r="E724" s="3"/>
      <c r="F724" s="3"/>
      <c r="G724" s="11"/>
      <c r="H724" s="11"/>
      <c r="I724" s="11"/>
      <c r="J724" s="11"/>
    </row>
    <row r="725" spans="1:10">
      <c r="A725" s="11"/>
      <c r="B725" s="11"/>
      <c r="C725" s="3"/>
      <c r="D725" s="3"/>
      <c r="E725" s="3"/>
      <c r="F725" s="3"/>
      <c r="G725" s="11"/>
      <c r="H725" s="11"/>
      <c r="I725" s="11"/>
      <c r="J725" s="11"/>
    </row>
    <row r="726" spans="1:10">
      <c r="A726" s="11"/>
      <c r="B726" s="11"/>
      <c r="C726" s="3"/>
      <c r="D726" s="3"/>
      <c r="E726" s="3"/>
      <c r="F726" s="3"/>
      <c r="G726" s="11"/>
      <c r="H726" s="11"/>
      <c r="I726" s="11"/>
      <c r="J726" s="11"/>
    </row>
    <row r="727" spans="1:10">
      <c r="A727" s="11"/>
      <c r="B727" s="11"/>
      <c r="C727" s="3"/>
      <c r="D727" s="3"/>
      <c r="E727" s="3"/>
      <c r="F727" s="3"/>
      <c r="G727" s="11"/>
      <c r="H727" s="11"/>
      <c r="I727" s="11"/>
      <c r="J727" s="11"/>
    </row>
    <row r="728" spans="1:10">
      <c r="A728" s="11"/>
      <c r="B728" s="11"/>
      <c r="C728" s="3"/>
      <c r="D728" s="3"/>
      <c r="E728" s="3"/>
      <c r="F728" s="3"/>
      <c r="G728" s="11"/>
      <c r="H728" s="11"/>
      <c r="I728" s="11"/>
      <c r="J728" s="11"/>
    </row>
    <row r="729" spans="1:10">
      <c r="A729" s="11"/>
      <c r="B729" s="11"/>
      <c r="C729" s="3"/>
      <c r="D729" s="3"/>
      <c r="E729" s="3"/>
      <c r="F729" s="3"/>
      <c r="G729" s="11"/>
      <c r="H729" s="11"/>
      <c r="I729" s="11"/>
      <c r="J729" s="11"/>
    </row>
    <row r="730" spans="1:10">
      <c r="A730" s="11"/>
      <c r="B730" s="11"/>
      <c r="C730" s="3"/>
      <c r="D730" s="3"/>
      <c r="E730" s="3"/>
      <c r="F730" s="3"/>
      <c r="G730" s="11"/>
      <c r="H730" s="11"/>
      <c r="I730" s="11"/>
      <c r="J730" s="11"/>
    </row>
    <row r="731" spans="1:10">
      <c r="A731" s="11"/>
      <c r="B731" s="11"/>
      <c r="C731" s="3"/>
      <c r="D731" s="3"/>
      <c r="E731" s="3"/>
      <c r="F731" s="3"/>
      <c r="G731" s="11"/>
      <c r="H731" s="11"/>
      <c r="I731" s="11"/>
      <c r="J731" s="11"/>
    </row>
    <row r="732" spans="1:10">
      <c r="A732" s="11"/>
      <c r="B732" s="11"/>
      <c r="C732" s="3"/>
      <c r="D732" s="3"/>
      <c r="E732" s="3"/>
      <c r="F732" s="3"/>
      <c r="G732" s="11"/>
      <c r="H732" s="11"/>
      <c r="I732" s="11"/>
      <c r="J732" s="11"/>
    </row>
    <row r="733" spans="1:10">
      <c r="A733" s="11"/>
      <c r="B733" s="11"/>
      <c r="C733" s="3"/>
      <c r="D733" s="3"/>
      <c r="E733" s="3"/>
      <c r="F733" s="3"/>
      <c r="G733" s="11"/>
      <c r="H733" s="11"/>
      <c r="I733" s="11"/>
      <c r="J733" s="11"/>
    </row>
    <row r="734" spans="1:10">
      <c r="A734" s="11"/>
      <c r="B734" s="11"/>
      <c r="C734" s="3"/>
      <c r="D734" s="3"/>
      <c r="E734" s="3"/>
      <c r="F734" s="3"/>
      <c r="G734" s="11"/>
      <c r="H734" s="11"/>
      <c r="I734" s="11"/>
      <c r="J734" s="11"/>
    </row>
    <row r="735" spans="1:10">
      <c r="A735" s="11"/>
      <c r="B735" s="11"/>
      <c r="C735" s="3"/>
      <c r="D735" s="3"/>
      <c r="E735" s="3"/>
      <c r="F735" s="3"/>
      <c r="G735" s="11"/>
      <c r="H735" s="11"/>
      <c r="I735" s="11"/>
      <c r="J735" s="11"/>
    </row>
    <row r="736" spans="1:10">
      <c r="A736" s="11"/>
      <c r="B736" s="11"/>
      <c r="C736" s="3"/>
      <c r="D736" s="3"/>
      <c r="E736" s="3"/>
      <c r="F736" s="3"/>
      <c r="G736" s="11"/>
      <c r="H736" s="11"/>
      <c r="I736" s="11"/>
      <c r="J736" s="11"/>
    </row>
    <row r="737" spans="1:10">
      <c r="A737" s="11"/>
      <c r="B737" s="11"/>
      <c r="C737" s="3"/>
      <c r="D737" s="3"/>
      <c r="E737" s="3"/>
      <c r="F737" s="3"/>
      <c r="G737" s="11"/>
      <c r="H737" s="11"/>
      <c r="I737" s="11"/>
      <c r="J737" s="11"/>
    </row>
    <row r="738" spans="1:10">
      <c r="A738" s="11"/>
      <c r="B738" s="11"/>
      <c r="C738" s="3"/>
      <c r="D738" s="3"/>
      <c r="E738" s="3"/>
      <c r="F738" s="3"/>
      <c r="G738" s="11"/>
      <c r="H738" s="11"/>
      <c r="I738" s="11"/>
      <c r="J738" s="11"/>
    </row>
    <row r="739" spans="1:10">
      <c r="A739" s="11"/>
      <c r="B739" s="11"/>
      <c r="C739" s="3"/>
      <c r="D739" s="3"/>
      <c r="E739" s="3"/>
      <c r="F739" s="3"/>
      <c r="G739" s="11"/>
      <c r="H739" s="11"/>
      <c r="I739" s="11"/>
      <c r="J739" s="11"/>
    </row>
    <row r="740" spans="1:10">
      <c r="A740" s="11"/>
      <c r="B740" s="11"/>
      <c r="C740" s="3"/>
      <c r="D740" s="3"/>
      <c r="E740" s="3"/>
      <c r="F740" s="3"/>
      <c r="G740" s="11"/>
      <c r="H740" s="11"/>
      <c r="I740" s="11"/>
      <c r="J740" s="11"/>
    </row>
    <row r="741" spans="1:10">
      <c r="A741" s="11"/>
      <c r="B741" s="11"/>
      <c r="C741" s="3"/>
      <c r="D741" s="3"/>
      <c r="E741" s="3"/>
      <c r="F741" s="3"/>
      <c r="G741" s="11"/>
      <c r="H741" s="11"/>
      <c r="I741" s="11"/>
      <c r="J741" s="11"/>
    </row>
    <row r="742" spans="1:10">
      <c r="A742" s="11"/>
      <c r="B742" s="11"/>
      <c r="C742" s="3"/>
      <c r="D742" s="3"/>
      <c r="E742" s="3"/>
      <c r="F742" s="3"/>
      <c r="G742" s="11"/>
      <c r="H742" s="11"/>
      <c r="I742" s="11"/>
      <c r="J742" s="11"/>
    </row>
    <row r="743" spans="1:10">
      <c r="A743" s="11"/>
      <c r="B743" s="11"/>
      <c r="C743" s="3"/>
      <c r="D743" s="3"/>
      <c r="E743" s="3"/>
      <c r="F743" s="3"/>
      <c r="G743" s="11"/>
      <c r="H743" s="11"/>
      <c r="I743" s="11"/>
      <c r="J743" s="11"/>
    </row>
    <row r="744" spans="1:10">
      <c r="A744" s="11"/>
      <c r="B744" s="11"/>
      <c r="C744" s="3"/>
      <c r="D744" s="3"/>
      <c r="E744" s="3"/>
      <c r="F744" s="3"/>
      <c r="G744" s="11"/>
      <c r="H744" s="11"/>
      <c r="I744" s="11"/>
      <c r="J744" s="11"/>
    </row>
    <row r="745" spans="1:10">
      <c r="A745" s="11"/>
      <c r="B745" s="11"/>
      <c r="C745" s="3"/>
      <c r="D745" s="3"/>
      <c r="E745" s="3"/>
      <c r="F745" s="3"/>
      <c r="G745" s="11"/>
      <c r="H745" s="11"/>
      <c r="I745" s="11"/>
      <c r="J745" s="11"/>
    </row>
    <row r="746" spans="1:10">
      <c r="A746" s="11"/>
      <c r="B746" s="11"/>
      <c r="C746" s="3"/>
      <c r="D746" s="3"/>
      <c r="E746" s="3"/>
      <c r="F746" s="3"/>
      <c r="G746" s="11"/>
      <c r="H746" s="11"/>
      <c r="I746" s="11"/>
      <c r="J746" s="11"/>
    </row>
    <row r="747" spans="1:10">
      <c r="A747" s="11"/>
      <c r="B747" s="11"/>
      <c r="C747" s="3"/>
      <c r="D747" s="3"/>
      <c r="E747" s="3"/>
      <c r="F747" s="3"/>
      <c r="G747" s="11"/>
      <c r="H747" s="11"/>
      <c r="I747" s="11"/>
      <c r="J747" s="11"/>
    </row>
    <row r="748" spans="1:10">
      <c r="A748" s="11"/>
      <c r="B748" s="11"/>
      <c r="C748" s="3"/>
      <c r="D748" s="3"/>
      <c r="E748" s="3"/>
      <c r="F748" s="3"/>
      <c r="G748" s="11"/>
      <c r="H748" s="11"/>
      <c r="I748" s="11"/>
      <c r="J748" s="11"/>
    </row>
    <row r="749" spans="1:10">
      <c r="A749" s="11"/>
      <c r="B749" s="11"/>
      <c r="C749" s="3"/>
      <c r="D749" s="3"/>
      <c r="E749" s="3"/>
      <c r="F749" s="3"/>
      <c r="G749" s="11"/>
      <c r="H749" s="11"/>
      <c r="I749" s="11"/>
      <c r="J749" s="11"/>
    </row>
    <row r="750" spans="1:10">
      <c r="A750" s="11"/>
      <c r="B750" s="11"/>
      <c r="C750" s="3"/>
      <c r="D750" s="3"/>
      <c r="E750" s="3"/>
      <c r="F750" s="3"/>
      <c r="G750" s="11"/>
      <c r="H750" s="11"/>
      <c r="I750" s="11"/>
      <c r="J750" s="11"/>
    </row>
    <row r="751" spans="1:10">
      <c r="A751" s="11"/>
      <c r="B751" s="11"/>
      <c r="C751" s="3"/>
      <c r="D751" s="3"/>
      <c r="E751" s="3"/>
      <c r="F751" s="3"/>
      <c r="G751" s="11"/>
      <c r="H751" s="11"/>
      <c r="I751" s="11"/>
      <c r="J751" s="11"/>
    </row>
    <row r="752" spans="1:10">
      <c r="A752" s="11"/>
      <c r="B752" s="11"/>
      <c r="C752" s="3"/>
      <c r="D752" s="3"/>
      <c r="E752" s="3"/>
      <c r="F752" s="3"/>
      <c r="G752" s="11"/>
      <c r="H752" s="11"/>
      <c r="I752" s="11"/>
      <c r="J752" s="11"/>
    </row>
    <row r="753" spans="1:10">
      <c r="A753" s="11"/>
      <c r="B753" s="11"/>
      <c r="C753" s="3"/>
      <c r="D753" s="3"/>
      <c r="E753" s="3"/>
      <c r="F753" s="3"/>
      <c r="G753" s="11"/>
      <c r="H753" s="11"/>
      <c r="I753" s="11"/>
      <c r="J753" s="11"/>
    </row>
    <row r="754" spans="1:10">
      <c r="A754" s="11"/>
      <c r="B754" s="11"/>
      <c r="C754" s="3"/>
      <c r="D754" s="3"/>
      <c r="E754" s="3"/>
      <c r="F754" s="3"/>
      <c r="G754" s="11"/>
      <c r="H754" s="11"/>
      <c r="I754" s="11"/>
      <c r="J754" s="11"/>
    </row>
    <row r="755" spans="1:10">
      <c r="A755" s="11"/>
      <c r="B755" s="11"/>
      <c r="C755" s="3"/>
      <c r="D755" s="3"/>
      <c r="E755" s="3"/>
      <c r="F755" s="3"/>
      <c r="G755" s="11"/>
      <c r="H755" s="11"/>
      <c r="I755" s="11"/>
      <c r="J755" s="11"/>
    </row>
    <row r="756" spans="1:10">
      <c r="A756" s="11"/>
      <c r="B756" s="11"/>
      <c r="C756" s="3"/>
      <c r="D756" s="3"/>
      <c r="E756" s="3"/>
      <c r="F756" s="3"/>
      <c r="G756" s="11"/>
      <c r="H756" s="11"/>
      <c r="I756" s="11"/>
      <c r="J756" s="11"/>
    </row>
    <row r="757" spans="1:10">
      <c r="A757" s="11"/>
      <c r="B757" s="11"/>
      <c r="C757" s="3"/>
      <c r="D757" s="3"/>
      <c r="E757" s="3"/>
      <c r="F757" s="3"/>
      <c r="G757" s="11"/>
      <c r="H757" s="11"/>
      <c r="I757" s="11"/>
      <c r="J757" s="11"/>
    </row>
    <row r="758" spans="1:10">
      <c r="A758" s="11"/>
      <c r="B758" s="11"/>
      <c r="C758" s="3"/>
      <c r="D758" s="3"/>
      <c r="E758" s="3"/>
      <c r="F758" s="3"/>
      <c r="G758" s="11"/>
      <c r="H758" s="11"/>
      <c r="I758" s="11"/>
      <c r="J758" s="11"/>
    </row>
    <row r="759" spans="1:10">
      <c r="A759" s="11"/>
      <c r="B759" s="11"/>
      <c r="C759" s="3"/>
      <c r="D759" s="3"/>
      <c r="E759" s="3"/>
      <c r="F759" s="3"/>
      <c r="G759" s="11"/>
      <c r="H759" s="11"/>
      <c r="I759" s="11"/>
      <c r="J759" s="11"/>
    </row>
    <row r="760" spans="1:10">
      <c r="A760" s="11"/>
      <c r="B760" s="11"/>
      <c r="C760" s="3"/>
      <c r="D760" s="3"/>
      <c r="E760" s="3"/>
      <c r="F760" s="3"/>
      <c r="G760" s="11"/>
      <c r="H760" s="11"/>
      <c r="I760" s="11"/>
      <c r="J760" s="11"/>
    </row>
    <row r="761" spans="1:10">
      <c r="A761" s="11"/>
      <c r="B761" s="11"/>
      <c r="C761" s="3"/>
      <c r="D761" s="3"/>
      <c r="E761" s="3"/>
      <c r="F761" s="3"/>
      <c r="G761" s="11"/>
      <c r="H761" s="11"/>
      <c r="I761" s="11"/>
      <c r="J761" s="11"/>
    </row>
    <row r="762" spans="1:10">
      <c r="A762" s="11"/>
      <c r="B762" s="11"/>
      <c r="C762" s="3"/>
      <c r="D762" s="3"/>
      <c r="E762" s="3"/>
      <c r="F762" s="3"/>
      <c r="G762" s="11"/>
      <c r="H762" s="11"/>
      <c r="I762" s="11"/>
      <c r="J762" s="11"/>
    </row>
    <row r="763" spans="1:10">
      <c r="A763" s="11"/>
      <c r="B763" s="11"/>
      <c r="C763" s="3"/>
      <c r="D763" s="3"/>
      <c r="E763" s="3"/>
      <c r="F763" s="3"/>
      <c r="G763" s="11"/>
      <c r="H763" s="11"/>
      <c r="I763" s="11"/>
      <c r="J763" s="11"/>
    </row>
    <row r="764" spans="1:10">
      <c r="A764" s="11"/>
      <c r="B764" s="11"/>
      <c r="C764" s="3"/>
      <c r="D764" s="3"/>
      <c r="E764" s="3"/>
      <c r="F764" s="3"/>
      <c r="G764" s="11"/>
      <c r="H764" s="11"/>
      <c r="I764" s="11"/>
      <c r="J764" s="11"/>
    </row>
    <row r="765" spans="1:10">
      <c r="A765" s="11"/>
      <c r="B765" s="11"/>
      <c r="C765" s="3"/>
      <c r="D765" s="3"/>
      <c r="E765" s="3"/>
      <c r="F765" s="3"/>
      <c r="G765" s="11"/>
      <c r="H765" s="11"/>
      <c r="I765" s="11"/>
      <c r="J765" s="11"/>
    </row>
    <row r="766" spans="1:10">
      <c r="A766" s="11"/>
      <c r="B766" s="11"/>
      <c r="C766" s="3"/>
      <c r="D766" s="3"/>
      <c r="E766" s="3"/>
      <c r="F766" s="3"/>
      <c r="G766" s="11"/>
      <c r="H766" s="11"/>
      <c r="I766" s="11"/>
      <c r="J766" s="11"/>
    </row>
    <row r="767" spans="1:10">
      <c r="A767" s="11"/>
      <c r="B767" s="11"/>
      <c r="C767" s="3"/>
      <c r="D767" s="3"/>
      <c r="E767" s="3"/>
      <c r="F767" s="3"/>
      <c r="G767" s="11"/>
      <c r="H767" s="11"/>
      <c r="I767" s="11"/>
      <c r="J767" s="11"/>
    </row>
    <row r="768" spans="1:10">
      <c r="A768" s="11"/>
      <c r="B768" s="11"/>
      <c r="C768" s="3"/>
      <c r="D768" s="3"/>
      <c r="E768" s="3"/>
      <c r="F768" s="3"/>
      <c r="G768" s="11"/>
      <c r="H768" s="11"/>
      <c r="I768" s="11"/>
      <c r="J768" s="11"/>
    </row>
    <row r="769" spans="1:10">
      <c r="A769" s="11"/>
      <c r="B769" s="11"/>
      <c r="C769" s="3"/>
      <c r="D769" s="3"/>
      <c r="E769" s="3"/>
      <c r="F769" s="3"/>
      <c r="G769" s="11"/>
      <c r="H769" s="11"/>
      <c r="I769" s="11"/>
      <c r="J769" s="11"/>
    </row>
    <row r="770" spans="1:10">
      <c r="A770" s="11"/>
      <c r="B770" s="11"/>
      <c r="C770" s="3"/>
      <c r="D770" s="3"/>
      <c r="E770" s="3"/>
      <c r="F770" s="3"/>
      <c r="G770" s="11"/>
      <c r="H770" s="11"/>
      <c r="I770" s="11"/>
      <c r="J770" s="11"/>
    </row>
    <row r="771" spans="1:10">
      <c r="A771" s="11"/>
      <c r="B771" s="11"/>
      <c r="C771" s="3"/>
      <c r="D771" s="3"/>
      <c r="E771" s="3"/>
      <c r="F771" s="3"/>
      <c r="G771" s="11"/>
      <c r="H771" s="11"/>
      <c r="I771" s="11"/>
      <c r="J771" s="11"/>
    </row>
    <row r="772" spans="1:10">
      <c r="A772" s="11"/>
      <c r="B772" s="11"/>
      <c r="C772" s="3"/>
      <c r="D772" s="3"/>
      <c r="E772" s="3"/>
      <c r="F772" s="3"/>
      <c r="G772" s="11"/>
      <c r="H772" s="11"/>
      <c r="I772" s="11"/>
      <c r="J772" s="11"/>
    </row>
    <row r="773" spans="1:10">
      <c r="A773" s="11"/>
      <c r="B773" s="11"/>
      <c r="C773" s="3"/>
      <c r="D773" s="3"/>
      <c r="E773" s="3"/>
      <c r="F773" s="3"/>
      <c r="G773" s="11"/>
      <c r="H773" s="11"/>
      <c r="I773" s="11"/>
      <c r="J773" s="11"/>
    </row>
    <row r="774" spans="1:10">
      <c r="A774" s="11"/>
      <c r="B774" s="11"/>
      <c r="C774" s="3"/>
      <c r="D774" s="3"/>
      <c r="E774" s="3"/>
      <c r="F774" s="3"/>
      <c r="G774" s="11"/>
      <c r="H774" s="11"/>
      <c r="I774" s="11"/>
      <c r="J774" s="11"/>
    </row>
    <row r="775" spans="1:10">
      <c r="A775" s="11"/>
      <c r="B775" s="11"/>
      <c r="C775" s="3"/>
      <c r="D775" s="3"/>
      <c r="E775" s="3"/>
      <c r="F775" s="3"/>
      <c r="G775" s="11"/>
      <c r="H775" s="11"/>
      <c r="I775" s="11"/>
      <c r="J775" s="11"/>
    </row>
    <row r="776" spans="1:10">
      <c r="A776" s="11"/>
      <c r="B776" s="11"/>
      <c r="C776" s="3"/>
      <c r="D776" s="3"/>
      <c r="E776" s="3"/>
      <c r="F776" s="3"/>
      <c r="G776" s="11"/>
      <c r="H776" s="11"/>
      <c r="I776" s="11"/>
      <c r="J776" s="11"/>
    </row>
    <row r="777" spans="1:10">
      <c r="A777" s="11"/>
      <c r="B777" s="11"/>
      <c r="C777" s="3"/>
      <c r="D777" s="3"/>
      <c r="E777" s="3"/>
      <c r="F777" s="3"/>
      <c r="G777" s="11"/>
      <c r="H777" s="11"/>
      <c r="I777" s="11"/>
      <c r="J777" s="11"/>
    </row>
    <row r="778" spans="1:10">
      <c r="A778" s="11"/>
      <c r="B778" s="11"/>
      <c r="C778" s="3"/>
      <c r="D778" s="3"/>
      <c r="E778" s="3"/>
      <c r="F778" s="3"/>
      <c r="G778" s="11"/>
      <c r="H778" s="11"/>
      <c r="I778" s="11"/>
      <c r="J778" s="11"/>
    </row>
    <row r="779" spans="1:10">
      <c r="A779" s="11"/>
      <c r="B779" s="11"/>
      <c r="C779" s="3"/>
      <c r="D779" s="3"/>
      <c r="E779" s="3"/>
      <c r="F779" s="3"/>
      <c r="G779" s="11"/>
      <c r="H779" s="11"/>
      <c r="I779" s="11"/>
      <c r="J779" s="11"/>
    </row>
    <row r="780" spans="1:10">
      <c r="A780" s="11"/>
      <c r="B780" s="11"/>
      <c r="C780" s="3"/>
      <c r="D780" s="3"/>
      <c r="E780" s="3"/>
      <c r="F780" s="3"/>
      <c r="G780" s="11"/>
      <c r="H780" s="11"/>
      <c r="I780" s="11"/>
      <c r="J780" s="11"/>
    </row>
    <row r="781" spans="1:10">
      <c r="A781" s="11"/>
      <c r="B781" s="11"/>
      <c r="C781" s="3"/>
      <c r="D781" s="3"/>
      <c r="E781" s="3"/>
      <c r="F781" s="3"/>
      <c r="G781" s="11"/>
      <c r="H781" s="11"/>
      <c r="I781" s="11"/>
      <c r="J781" s="11"/>
    </row>
    <row r="782" spans="1:10">
      <c r="A782" s="11"/>
      <c r="B782" s="11"/>
      <c r="C782" s="3"/>
      <c r="D782" s="3"/>
      <c r="E782" s="3"/>
      <c r="F782" s="3"/>
      <c r="G782" s="11"/>
      <c r="H782" s="11"/>
      <c r="I782" s="11"/>
      <c r="J782" s="11"/>
    </row>
    <row r="783" spans="1:10">
      <c r="A783" s="11"/>
      <c r="B783" s="11"/>
      <c r="C783" s="3"/>
      <c r="D783" s="3"/>
      <c r="E783" s="3"/>
      <c r="F783" s="3"/>
      <c r="G783" s="11"/>
      <c r="H783" s="11"/>
      <c r="I783" s="11"/>
      <c r="J783" s="11"/>
    </row>
    <row r="784" spans="1:10">
      <c r="A784" s="11"/>
      <c r="B784" s="11"/>
      <c r="C784" s="3"/>
      <c r="D784" s="3"/>
      <c r="E784" s="3"/>
      <c r="F784" s="3"/>
      <c r="G784" s="11"/>
      <c r="H784" s="11"/>
      <c r="I784" s="11"/>
      <c r="J784" s="11"/>
    </row>
    <row r="785" spans="1:10">
      <c r="A785" s="11"/>
      <c r="B785" s="11"/>
      <c r="C785" s="3"/>
      <c r="D785" s="3"/>
      <c r="E785" s="3"/>
      <c r="F785" s="3"/>
      <c r="G785" s="11"/>
      <c r="H785" s="11"/>
      <c r="I785" s="11"/>
      <c r="J785" s="11"/>
    </row>
    <row r="786" spans="1:10">
      <c r="A786" s="11"/>
      <c r="B786" s="11"/>
      <c r="C786" s="3"/>
      <c r="D786" s="3"/>
      <c r="E786" s="3"/>
      <c r="F786" s="3"/>
      <c r="G786" s="11"/>
      <c r="H786" s="11"/>
      <c r="I786" s="11"/>
      <c r="J786" s="11"/>
    </row>
    <row r="787" spans="1:10">
      <c r="A787" s="11"/>
      <c r="B787" s="11"/>
      <c r="C787" s="3"/>
      <c r="D787" s="3"/>
      <c r="E787" s="3"/>
      <c r="F787" s="3"/>
      <c r="G787" s="11"/>
      <c r="H787" s="11"/>
      <c r="I787" s="11"/>
      <c r="J787" s="11"/>
    </row>
    <row r="788" spans="1:10">
      <c r="A788" s="11"/>
      <c r="B788" s="11"/>
      <c r="C788" s="3"/>
      <c r="D788" s="3"/>
      <c r="E788" s="3"/>
      <c r="F788" s="3"/>
      <c r="G788" s="11"/>
      <c r="H788" s="11"/>
      <c r="I788" s="11"/>
      <c r="J788" s="11"/>
    </row>
    <row r="789" spans="1:10">
      <c r="A789" s="11"/>
      <c r="B789" s="11"/>
      <c r="C789" s="3"/>
      <c r="D789" s="3"/>
      <c r="E789" s="3"/>
      <c r="F789" s="3"/>
      <c r="G789" s="11"/>
      <c r="H789" s="11"/>
      <c r="I789" s="11"/>
      <c r="J789" s="11"/>
    </row>
    <row r="790" spans="1:10">
      <c r="A790" s="11"/>
      <c r="B790" s="11"/>
      <c r="C790" s="3"/>
      <c r="D790" s="3"/>
      <c r="E790" s="3"/>
      <c r="F790" s="3"/>
      <c r="G790" s="11"/>
      <c r="H790" s="11"/>
      <c r="I790" s="11"/>
      <c r="J790" s="11"/>
    </row>
    <row r="791" spans="1:10">
      <c r="A791" s="11"/>
      <c r="B791" s="11"/>
      <c r="C791" s="3"/>
      <c r="D791" s="3"/>
      <c r="E791" s="3"/>
      <c r="F791" s="3"/>
      <c r="G791" s="11"/>
      <c r="H791" s="11"/>
      <c r="I791" s="11"/>
      <c r="J791" s="11"/>
    </row>
    <row r="792" spans="1:10">
      <c r="A792" s="11"/>
      <c r="B792" s="11"/>
      <c r="C792" s="3"/>
      <c r="D792" s="3"/>
      <c r="E792" s="3"/>
      <c r="F792" s="3"/>
      <c r="G792" s="11"/>
      <c r="H792" s="11"/>
      <c r="I792" s="11"/>
      <c r="J792" s="11"/>
    </row>
    <row r="793" spans="1:10">
      <c r="A793" s="11"/>
      <c r="B793" s="11"/>
      <c r="C793" s="3"/>
      <c r="D793" s="3"/>
      <c r="E793" s="3"/>
      <c r="F793" s="3"/>
      <c r="G793" s="11"/>
      <c r="H793" s="11"/>
      <c r="I793" s="11"/>
      <c r="J793" s="11"/>
    </row>
    <row r="794" spans="1:10">
      <c r="A794" s="11"/>
      <c r="B794" s="11"/>
      <c r="C794" s="3"/>
      <c r="D794" s="3"/>
      <c r="E794" s="3"/>
      <c r="F794" s="3"/>
      <c r="G794" s="11"/>
      <c r="H794" s="11"/>
      <c r="I794" s="11"/>
      <c r="J794" s="11"/>
    </row>
    <row r="795" spans="1:10">
      <c r="A795" s="11"/>
      <c r="B795" s="11"/>
      <c r="C795" s="3"/>
      <c r="D795" s="3"/>
      <c r="E795" s="3"/>
      <c r="F795" s="3"/>
      <c r="G795" s="11"/>
      <c r="H795" s="11"/>
      <c r="I795" s="11"/>
      <c r="J795" s="11"/>
    </row>
    <row r="796" spans="1:10">
      <c r="A796" s="11"/>
      <c r="B796" s="11"/>
      <c r="C796" s="3"/>
      <c r="D796" s="3"/>
      <c r="E796" s="3"/>
      <c r="F796" s="3"/>
      <c r="G796" s="11"/>
      <c r="H796" s="11"/>
      <c r="I796" s="11"/>
      <c r="J796" s="11"/>
    </row>
    <row r="797" spans="1:10">
      <c r="A797" s="11"/>
      <c r="B797" s="11"/>
      <c r="C797" s="3"/>
      <c r="D797" s="3"/>
      <c r="E797" s="3"/>
      <c r="F797" s="3"/>
      <c r="G797" s="11"/>
      <c r="H797" s="11"/>
      <c r="I797" s="11"/>
      <c r="J797" s="11"/>
    </row>
    <row r="798" spans="1:10">
      <c r="A798" s="11"/>
      <c r="B798" s="11"/>
      <c r="C798" s="3"/>
      <c r="D798" s="3"/>
      <c r="E798" s="3"/>
      <c r="F798" s="3"/>
      <c r="G798" s="11"/>
      <c r="H798" s="11"/>
      <c r="I798" s="11"/>
      <c r="J798" s="11"/>
    </row>
    <row r="799" spans="1:10">
      <c r="A799" s="11"/>
      <c r="B799" s="11"/>
      <c r="C799" s="3"/>
      <c r="D799" s="3"/>
      <c r="E799" s="3"/>
      <c r="F799" s="3"/>
      <c r="G799" s="11"/>
      <c r="H799" s="11"/>
      <c r="I799" s="11"/>
      <c r="J799" s="11"/>
    </row>
    <row r="800" spans="1:10">
      <c r="A800" s="11"/>
      <c r="B800" s="11"/>
      <c r="C800" s="3"/>
      <c r="D800" s="3"/>
      <c r="E800" s="3"/>
      <c r="F800" s="3"/>
      <c r="G800" s="11"/>
      <c r="H800" s="11"/>
      <c r="I800" s="11"/>
      <c r="J800" s="11"/>
    </row>
    <row r="801" spans="1:10">
      <c r="A801" s="11"/>
      <c r="B801" s="11"/>
      <c r="C801" s="3"/>
      <c r="D801" s="3"/>
      <c r="E801" s="3"/>
      <c r="F801" s="3"/>
      <c r="G801" s="11"/>
      <c r="H801" s="11"/>
      <c r="I801" s="11"/>
      <c r="J801" s="11"/>
    </row>
    <row r="802" spans="1:10">
      <c r="A802" s="11"/>
      <c r="B802" s="11"/>
      <c r="C802" s="3"/>
      <c r="D802" s="3"/>
      <c r="E802" s="3"/>
      <c r="F802" s="3"/>
      <c r="G802" s="11"/>
      <c r="H802" s="11"/>
      <c r="I802" s="11"/>
      <c r="J802" s="11"/>
    </row>
    <row r="803" spans="1:10">
      <c r="A803" s="11"/>
      <c r="B803" s="11"/>
      <c r="C803" s="3"/>
      <c r="D803" s="3"/>
      <c r="E803" s="3"/>
      <c r="F803" s="3"/>
      <c r="G803" s="11"/>
      <c r="H803" s="11"/>
      <c r="I803" s="11"/>
      <c r="J803" s="11"/>
    </row>
    <row r="804" spans="1:10">
      <c r="A804" s="11"/>
      <c r="B804" s="11"/>
      <c r="C804" s="3"/>
      <c r="D804" s="3"/>
      <c r="E804" s="3"/>
      <c r="F804" s="3"/>
      <c r="G804" s="11"/>
      <c r="H804" s="11"/>
      <c r="I804" s="11"/>
      <c r="J804" s="11"/>
    </row>
    <row r="805" spans="1:10">
      <c r="A805" s="11"/>
      <c r="B805" s="11"/>
      <c r="C805" s="3"/>
      <c r="D805" s="3"/>
      <c r="E805" s="3"/>
      <c r="F805" s="3"/>
      <c r="G805" s="11"/>
      <c r="H805" s="11"/>
      <c r="I805" s="11"/>
      <c r="J805" s="11"/>
    </row>
    <row r="806" spans="1:10">
      <c r="A806" s="11"/>
      <c r="B806" s="11"/>
      <c r="C806" s="3"/>
      <c r="D806" s="3"/>
      <c r="E806" s="3"/>
      <c r="F806" s="3"/>
      <c r="G806" s="11"/>
      <c r="H806" s="11"/>
      <c r="I806" s="11"/>
      <c r="J806" s="11"/>
    </row>
    <row r="807" spans="1:10">
      <c r="A807" s="11"/>
      <c r="B807" s="11"/>
      <c r="C807" s="3"/>
      <c r="D807" s="3"/>
      <c r="E807" s="3"/>
      <c r="F807" s="3"/>
      <c r="G807" s="11"/>
      <c r="H807" s="11"/>
      <c r="I807" s="11"/>
      <c r="J807" s="11"/>
    </row>
    <row r="808" spans="1:10">
      <c r="A808" s="11"/>
      <c r="B808" s="11"/>
      <c r="C808" s="3"/>
      <c r="D808" s="3"/>
      <c r="E808" s="3"/>
      <c r="F808" s="3"/>
      <c r="G808" s="11"/>
      <c r="H808" s="11"/>
      <c r="I808" s="11"/>
      <c r="J808" s="11"/>
    </row>
    <row r="809" spans="1:10">
      <c r="A809" s="11"/>
      <c r="B809" s="11"/>
      <c r="C809" s="3"/>
      <c r="D809" s="3"/>
      <c r="E809" s="3"/>
      <c r="F809" s="3"/>
      <c r="G809" s="11"/>
      <c r="H809" s="11"/>
      <c r="I809" s="11"/>
      <c r="J809" s="11"/>
    </row>
    <row r="810" spans="1:10">
      <c r="A810" s="11"/>
      <c r="B810" s="11"/>
      <c r="C810" s="3"/>
      <c r="D810" s="3"/>
      <c r="E810" s="3"/>
      <c r="F810" s="3"/>
      <c r="G810" s="11"/>
      <c r="H810" s="11"/>
      <c r="I810" s="11"/>
      <c r="J810" s="11"/>
    </row>
    <row r="811" spans="1:10">
      <c r="A811" s="11"/>
      <c r="B811" s="11"/>
      <c r="C811" s="3"/>
      <c r="D811" s="3"/>
      <c r="E811" s="3"/>
      <c r="F811" s="3"/>
      <c r="G811" s="11"/>
      <c r="H811" s="11"/>
      <c r="I811" s="11"/>
      <c r="J811" s="11"/>
    </row>
    <row r="812" spans="1:10">
      <c r="A812" s="11"/>
      <c r="B812" s="11"/>
      <c r="C812" s="3"/>
      <c r="D812" s="3"/>
      <c r="E812" s="3"/>
      <c r="F812" s="3"/>
      <c r="G812" s="11"/>
      <c r="H812" s="11"/>
      <c r="I812" s="11"/>
      <c r="J812" s="11"/>
    </row>
    <row r="813" spans="1:10">
      <c r="A813" s="11"/>
      <c r="B813" s="11"/>
      <c r="C813" s="3"/>
      <c r="D813" s="3"/>
      <c r="E813" s="3"/>
      <c r="F813" s="3"/>
      <c r="G813" s="11"/>
      <c r="H813" s="11"/>
      <c r="I813" s="11"/>
      <c r="J813" s="11"/>
    </row>
    <row r="814" spans="1:10">
      <c r="A814" s="11"/>
      <c r="B814" s="11"/>
      <c r="C814" s="3"/>
      <c r="D814" s="3"/>
      <c r="E814" s="3"/>
      <c r="F814" s="3"/>
      <c r="G814" s="11"/>
      <c r="H814" s="11"/>
      <c r="I814" s="11"/>
      <c r="J814" s="11"/>
    </row>
    <row r="815" spans="1:10">
      <c r="A815" s="11"/>
      <c r="B815" s="11"/>
      <c r="C815" s="3"/>
      <c r="D815" s="3"/>
      <c r="E815" s="3"/>
      <c r="F815" s="3"/>
      <c r="G815" s="11"/>
      <c r="H815" s="11"/>
      <c r="I815" s="11"/>
      <c r="J815" s="11"/>
    </row>
    <row r="816" spans="1:10">
      <c r="A816" s="11"/>
      <c r="B816" s="11"/>
      <c r="C816" s="3"/>
      <c r="D816" s="3"/>
      <c r="E816" s="3"/>
      <c r="F816" s="3"/>
      <c r="G816" s="11"/>
      <c r="H816" s="11"/>
      <c r="I816" s="11"/>
      <c r="J816" s="11"/>
    </row>
    <row r="817" spans="1:10">
      <c r="A817" s="11"/>
      <c r="B817" s="11"/>
      <c r="C817" s="3"/>
      <c r="D817" s="3"/>
      <c r="E817" s="3"/>
      <c r="F817" s="3"/>
      <c r="G817" s="11"/>
      <c r="H817" s="11"/>
      <c r="I817" s="11"/>
      <c r="J817" s="11"/>
    </row>
    <row r="818" spans="1:10">
      <c r="A818" s="11"/>
      <c r="B818" s="11"/>
      <c r="C818" s="3"/>
      <c r="D818" s="3"/>
      <c r="E818" s="3"/>
      <c r="F818" s="3"/>
      <c r="G818" s="11"/>
      <c r="H818" s="11"/>
      <c r="I818" s="11"/>
      <c r="J818" s="11"/>
    </row>
    <row r="819" spans="1:10">
      <c r="A819" s="11"/>
      <c r="B819" s="11"/>
      <c r="C819" s="3"/>
      <c r="D819" s="3"/>
      <c r="E819" s="3"/>
      <c r="F819" s="3"/>
      <c r="G819" s="11"/>
      <c r="H819" s="11"/>
      <c r="I819" s="11"/>
      <c r="J819" s="11"/>
    </row>
    <row r="820" spans="1:10">
      <c r="A820" s="11"/>
      <c r="B820" s="11"/>
      <c r="C820" s="3"/>
      <c r="D820" s="3"/>
      <c r="E820" s="3"/>
      <c r="F820" s="3"/>
      <c r="G820" s="11"/>
      <c r="H820" s="11"/>
      <c r="I820" s="11"/>
      <c r="J820" s="11"/>
    </row>
    <row r="821" spans="1:10">
      <c r="A821" s="11"/>
      <c r="B821" s="11"/>
      <c r="C821" s="3"/>
      <c r="D821" s="3"/>
      <c r="E821" s="3"/>
      <c r="F821" s="3"/>
      <c r="G821" s="11"/>
      <c r="H821" s="11"/>
      <c r="I821" s="11"/>
      <c r="J821" s="11"/>
    </row>
    <row r="822" spans="1:10">
      <c r="A822" s="11"/>
      <c r="B822" s="11"/>
      <c r="C822" s="3"/>
      <c r="D822" s="3"/>
      <c r="E822" s="3"/>
      <c r="F822" s="3"/>
      <c r="G822" s="11"/>
      <c r="H822" s="11"/>
      <c r="I822" s="11"/>
      <c r="J822" s="11"/>
    </row>
    <row r="823" spans="1:10">
      <c r="A823" s="11"/>
      <c r="B823" s="11"/>
      <c r="C823" s="3"/>
      <c r="D823" s="3"/>
      <c r="E823" s="3"/>
      <c r="F823" s="3"/>
      <c r="G823" s="11"/>
      <c r="H823" s="11"/>
      <c r="I823" s="11"/>
      <c r="J823" s="11"/>
    </row>
    <row r="824" spans="1:10">
      <c r="A824" s="11"/>
      <c r="B824" s="11"/>
      <c r="C824" s="3"/>
      <c r="D824" s="3"/>
      <c r="E824" s="3"/>
      <c r="F824" s="3"/>
      <c r="G824" s="11"/>
      <c r="H824" s="11"/>
      <c r="I824" s="11"/>
      <c r="J824" s="11"/>
    </row>
    <row r="825" spans="1:10">
      <c r="A825" s="11"/>
      <c r="B825" s="11"/>
      <c r="C825" s="3"/>
      <c r="D825" s="3"/>
      <c r="E825" s="3"/>
      <c r="F825" s="3"/>
      <c r="G825" s="11"/>
      <c r="H825" s="11"/>
      <c r="I825" s="11"/>
      <c r="J825" s="11"/>
    </row>
    <row r="826" spans="1:10">
      <c r="A826" s="11"/>
      <c r="B826" s="11"/>
      <c r="C826" s="3"/>
      <c r="D826" s="3"/>
      <c r="E826" s="3"/>
      <c r="F826" s="3"/>
      <c r="G826" s="11"/>
      <c r="H826" s="11"/>
      <c r="I826" s="11"/>
      <c r="J826" s="11"/>
    </row>
    <row r="827" spans="1:10">
      <c r="A827" s="11"/>
      <c r="B827" s="11"/>
      <c r="C827" s="3"/>
      <c r="D827" s="3"/>
      <c r="E827" s="3"/>
      <c r="F827" s="3"/>
      <c r="G827" s="11"/>
      <c r="H827" s="11"/>
      <c r="I827" s="11"/>
      <c r="J827" s="11"/>
    </row>
    <row r="828" spans="1:10">
      <c r="A828" s="11"/>
      <c r="B828" s="11"/>
      <c r="C828" s="3"/>
      <c r="D828" s="3"/>
      <c r="E828" s="3"/>
      <c r="F828" s="3"/>
      <c r="G828" s="11"/>
      <c r="H828" s="11"/>
      <c r="I828" s="11"/>
      <c r="J828" s="11"/>
    </row>
    <row r="829" spans="1:10">
      <c r="A829" s="11"/>
      <c r="B829" s="11"/>
      <c r="C829" s="3"/>
      <c r="D829" s="3"/>
      <c r="E829" s="3"/>
      <c r="F829" s="3"/>
      <c r="G829" s="11"/>
      <c r="H829" s="11"/>
      <c r="I829" s="11"/>
      <c r="J829" s="11"/>
    </row>
    <row r="830" spans="1:10">
      <c r="A830" s="11"/>
      <c r="B830" s="11"/>
      <c r="C830" s="3"/>
      <c r="D830" s="3"/>
      <c r="E830" s="3"/>
      <c r="F830" s="3"/>
      <c r="G830" s="11"/>
      <c r="H830" s="11"/>
      <c r="I830" s="11"/>
      <c r="J830" s="11"/>
    </row>
    <row r="831" spans="1:10">
      <c r="A831" s="11"/>
      <c r="B831" s="11"/>
      <c r="C831" s="3"/>
      <c r="D831" s="3"/>
      <c r="E831" s="3"/>
      <c r="F831" s="3"/>
      <c r="G831" s="11"/>
      <c r="H831" s="11"/>
      <c r="I831" s="11"/>
      <c r="J831" s="11"/>
    </row>
    <row r="832" spans="1:10">
      <c r="A832" s="11"/>
      <c r="B832" s="11"/>
      <c r="C832" s="3"/>
      <c r="D832" s="3"/>
      <c r="E832" s="3"/>
      <c r="F832" s="3"/>
      <c r="G832" s="11"/>
      <c r="H832" s="11"/>
      <c r="I832" s="11"/>
      <c r="J832" s="11"/>
    </row>
    <row r="833" spans="1:10">
      <c r="A833" s="11"/>
      <c r="B833" s="11"/>
      <c r="C833" s="3"/>
      <c r="D833" s="3"/>
      <c r="E833" s="3"/>
      <c r="F833" s="3"/>
      <c r="G833" s="11"/>
      <c r="H833" s="11"/>
      <c r="I833" s="11"/>
      <c r="J833" s="11"/>
    </row>
    <row r="834" spans="1:10">
      <c r="A834" s="11"/>
      <c r="B834" s="11"/>
      <c r="C834" s="3"/>
      <c r="D834" s="3"/>
      <c r="E834" s="3"/>
      <c r="F834" s="3"/>
      <c r="G834" s="11"/>
      <c r="H834" s="11"/>
      <c r="I834" s="11"/>
      <c r="J834" s="11"/>
    </row>
    <row r="835" spans="1:10">
      <c r="A835" s="11"/>
      <c r="B835" s="11"/>
      <c r="C835" s="3"/>
      <c r="D835" s="3"/>
      <c r="E835" s="3"/>
      <c r="F835" s="3"/>
      <c r="G835" s="11"/>
      <c r="H835" s="11"/>
      <c r="I835" s="11"/>
      <c r="J835" s="11"/>
    </row>
    <row r="836" spans="1:10">
      <c r="A836" s="11"/>
      <c r="B836" s="11"/>
      <c r="C836" s="3"/>
      <c r="D836" s="3"/>
      <c r="E836" s="3"/>
      <c r="F836" s="3"/>
      <c r="G836" s="11"/>
      <c r="H836" s="11"/>
      <c r="I836" s="11"/>
      <c r="J836" s="11"/>
    </row>
    <row r="837" spans="1:10">
      <c r="A837" s="11"/>
      <c r="B837" s="11"/>
      <c r="C837" s="3"/>
      <c r="D837" s="3"/>
      <c r="E837" s="3"/>
      <c r="F837" s="3"/>
      <c r="G837" s="11"/>
      <c r="H837" s="11"/>
      <c r="I837" s="11"/>
      <c r="J837" s="11"/>
    </row>
    <row r="838" spans="1:10">
      <c r="A838" s="11"/>
      <c r="B838" s="11"/>
      <c r="C838" s="3"/>
      <c r="D838" s="3"/>
      <c r="E838" s="3"/>
      <c r="F838" s="3"/>
      <c r="G838" s="11"/>
      <c r="H838" s="11"/>
      <c r="I838" s="11"/>
      <c r="J838" s="11"/>
    </row>
    <row r="839" spans="1:10">
      <c r="A839" s="11"/>
      <c r="B839" s="11"/>
      <c r="C839" s="3"/>
      <c r="D839" s="3"/>
      <c r="E839" s="3"/>
      <c r="F839" s="3"/>
      <c r="G839" s="11"/>
      <c r="H839" s="11"/>
      <c r="I839" s="11"/>
      <c r="J839" s="11"/>
    </row>
    <row r="840" spans="1:10">
      <c r="A840" s="11"/>
      <c r="B840" s="11"/>
      <c r="C840" s="3"/>
      <c r="D840" s="3"/>
      <c r="E840" s="3"/>
      <c r="F840" s="3"/>
      <c r="G840" s="11"/>
      <c r="H840" s="11"/>
      <c r="I840" s="11"/>
      <c r="J840" s="11"/>
    </row>
    <row r="841" spans="1:10">
      <c r="A841" s="11"/>
      <c r="B841" s="11"/>
      <c r="C841" s="3"/>
      <c r="D841" s="3"/>
      <c r="E841" s="3"/>
      <c r="F841" s="3"/>
      <c r="G841" s="11"/>
      <c r="H841" s="11"/>
      <c r="I841" s="11"/>
      <c r="J841" s="11"/>
    </row>
    <row r="842" spans="1:10">
      <c r="A842" s="11"/>
      <c r="B842" s="11"/>
      <c r="C842" s="3"/>
      <c r="D842" s="3"/>
      <c r="E842" s="3"/>
      <c r="F842" s="3"/>
      <c r="G842" s="11"/>
      <c r="H842" s="11"/>
      <c r="I842" s="11"/>
      <c r="J842" s="11"/>
    </row>
    <row r="843" spans="1:10">
      <c r="A843" s="11"/>
      <c r="B843" s="11"/>
      <c r="C843" s="3"/>
      <c r="D843" s="3"/>
      <c r="E843" s="3"/>
      <c r="F843" s="3"/>
      <c r="G843" s="11"/>
      <c r="H843" s="11"/>
      <c r="I843" s="11"/>
      <c r="J843" s="11"/>
    </row>
    <row r="844" spans="1:10">
      <c r="A844" s="11"/>
      <c r="B844" s="11"/>
      <c r="C844" s="3"/>
      <c r="D844" s="3"/>
      <c r="E844" s="3"/>
      <c r="F844" s="3"/>
      <c r="G844" s="11"/>
      <c r="H844" s="11"/>
      <c r="I844" s="11"/>
      <c r="J844" s="11"/>
    </row>
    <row r="845" spans="1:10">
      <c r="A845" s="11"/>
      <c r="B845" s="11"/>
      <c r="C845" s="3"/>
      <c r="D845" s="3"/>
      <c r="E845" s="3"/>
      <c r="F845" s="3"/>
      <c r="G845" s="11"/>
      <c r="H845" s="11"/>
      <c r="I845" s="11"/>
      <c r="J845" s="11"/>
    </row>
    <row r="846" spans="1:10">
      <c r="A846" s="11"/>
      <c r="B846" s="11"/>
      <c r="C846" s="3"/>
      <c r="D846" s="3"/>
      <c r="E846" s="3"/>
      <c r="F846" s="3"/>
      <c r="G846" s="11"/>
      <c r="H846" s="11"/>
      <c r="I846" s="11"/>
      <c r="J846" s="11"/>
    </row>
    <row r="847" spans="1:10">
      <c r="A847" s="11"/>
      <c r="B847" s="11"/>
      <c r="C847" s="3"/>
      <c r="D847" s="3"/>
      <c r="E847" s="3"/>
      <c r="F847" s="3"/>
      <c r="G847" s="11"/>
      <c r="H847" s="11"/>
      <c r="I847" s="11"/>
      <c r="J847" s="11"/>
    </row>
    <row r="848" spans="1:10">
      <c r="A848" s="11"/>
      <c r="B848" s="11"/>
      <c r="C848" s="3"/>
      <c r="D848" s="3"/>
      <c r="E848" s="3"/>
      <c r="F848" s="3"/>
      <c r="G848" s="11"/>
      <c r="H848" s="11"/>
      <c r="I848" s="11"/>
      <c r="J848" s="11"/>
    </row>
    <row r="849" spans="1:10">
      <c r="A849" s="11"/>
      <c r="B849" s="11"/>
      <c r="C849" s="3"/>
      <c r="D849" s="3"/>
      <c r="E849" s="3"/>
      <c r="F849" s="3"/>
      <c r="G849" s="11"/>
      <c r="H849" s="11"/>
      <c r="I849" s="11"/>
      <c r="J849" s="11"/>
    </row>
    <row r="850" spans="1:10">
      <c r="A850" s="11"/>
      <c r="B850" s="11"/>
      <c r="C850" s="3"/>
      <c r="D850" s="3"/>
      <c r="E850" s="3"/>
      <c r="F850" s="3"/>
      <c r="G850" s="11"/>
      <c r="H850" s="11"/>
      <c r="I850" s="11"/>
      <c r="J850" s="11"/>
    </row>
    <row r="851" spans="1:10">
      <c r="A851" s="11"/>
      <c r="B851" s="11"/>
      <c r="C851" s="3"/>
      <c r="D851" s="3"/>
      <c r="E851" s="3"/>
      <c r="F851" s="3"/>
      <c r="G851" s="11"/>
      <c r="H851" s="11"/>
      <c r="I851" s="11"/>
      <c r="J851" s="11"/>
    </row>
    <row r="852" spans="1:10">
      <c r="A852" s="11"/>
      <c r="B852" s="11"/>
      <c r="C852" s="3"/>
      <c r="D852" s="3"/>
      <c r="E852" s="3"/>
      <c r="F852" s="3"/>
      <c r="G852" s="11"/>
      <c r="H852" s="11"/>
      <c r="I852" s="11"/>
      <c r="J852" s="11"/>
    </row>
    <row r="853" spans="1:10">
      <c r="A853" s="11"/>
      <c r="B853" s="11"/>
      <c r="C853" s="3"/>
      <c r="D853" s="3"/>
      <c r="E853" s="3"/>
      <c r="F853" s="3"/>
      <c r="G853" s="11"/>
      <c r="H853" s="11"/>
      <c r="I853" s="11"/>
      <c r="J853" s="11"/>
    </row>
  </sheetData>
  <mergeCells count="231">
    <mergeCell ref="G201:J201"/>
    <mergeCell ref="G264:I264"/>
    <mergeCell ref="G265:I265"/>
    <mergeCell ref="G216:I216"/>
    <mergeCell ref="G287:I287"/>
    <mergeCell ref="G288:I288"/>
    <mergeCell ref="H333:H334"/>
    <mergeCell ref="I333:I334"/>
    <mergeCell ref="I367:I368"/>
    <mergeCell ref="G365:I365"/>
    <mergeCell ref="G348:I351"/>
    <mergeCell ref="G355:I355"/>
    <mergeCell ref="G359:I359"/>
    <mergeCell ref="G289:I289"/>
    <mergeCell ref="G344:J344"/>
    <mergeCell ref="G273:I280"/>
    <mergeCell ref="G263:I263"/>
    <mergeCell ref="G255:I255"/>
    <mergeCell ref="G256:I256"/>
    <mergeCell ref="G309:I309"/>
    <mergeCell ref="G310:I310"/>
    <mergeCell ref="G311:I311"/>
    <mergeCell ref="G297:I297"/>
    <mergeCell ref="G303:I303"/>
    <mergeCell ref="A106:A107"/>
    <mergeCell ref="G198:J198"/>
    <mergeCell ref="G197:J197"/>
    <mergeCell ref="G196:J196"/>
    <mergeCell ref="G200:J200"/>
    <mergeCell ref="G199:J199"/>
    <mergeCell ref="G163:I163"/>
    <mergeCell ref="G164:I164"/>
    <mergeCell ref="G165:I165"/>
    <mergeCell ref="G166:I166"/>
    <mergeCell ref="G111:I111"/>
    <mergeCell ref="A70:A71"/>
    <mergeCell ref="G125:I158"/>
    <mergeCell ref="I70:I71"/>
    <mergeCell ref="J70:J71"/>
    <mergeCell ref="C70:E70"/>
    <mergeCell ref="G115:I115"/>
    <mergeCell ref="G116:I116"/>
    <mergeCell ref="G117:I117"/>
    <mergeCell ref="G118:I118"/>
    <mergeCell ref="G119:I119"/>
    <mergeCell ref="G84:I84"/>
    <mergeCell ref="G85:I85"/>
    <mergeCell ref="G77:I77"/>
    <mergeCell ref="G89:I89"/>
    <mergeCell ref="G94:I94"/>
    <mergeCell ref="G97:J97"/>
    <mergeCell ref="G98:J98"/>
    <mergeCell ref="G101:J101"/>
    <mergeCell ref="G102:J102"/>
    <mergeCell ref="G103:J103"/>
    <mergeCell ref="G109:I109"/>
    <mergeCell ref="G122:G123"/>
    <mergeCell ref="H122:H123"/>
    <mergeCell ref="I122:I123"/>
    <mergeCell ref="B70:B71"/>
    <mergeCell ref="G70:G71"/>
    <mergeCell ref="H70:H71"/>
    <mergeCell ref="G75:I75"/>
    <mergeCell ref="G78:H78"/>
    <mergeCell ref="G82:H82"/>
    <mergeCell ref="G99:J100"/>
    <mergeCell ref="G195:J195"/>
    <mergeCell ref="G190:J190"/>
    <mergeCell ref="G189:J189"/>
    <mergeCell ref="G188:J188"/>
    <mergeCell ref="G186:J186"/>
    <mergeCell ref="G187:J187"/>
    <mergeCell ref="G182:J183"/>
    <mergeCell ref="G184:J185"/>
    <mergeCell ref="G171:I171"/>
    <mergeCell ref="G172:I172"/>
    <mergeCell ref="G193:J193"/>
    <mergeCell ref="G192:J192"/>
    <mergeCell ref="G194:J194"/>
    <mergeCell ref="G191:J191"/>
    <mergeCell ref="G110:I110"/>
    <mergeCell ref="G120:I120"/>
    <mergeCell ref="G441:I441"/>
    <mergeCell ref="G442:I442"/>
    <mergeCell ref="G302:I302"/>
    <mergeCell ref="H307:I308"/>
    <mergeCell ref="G270:I270"/>
    <mergeCell ref="G284:I285"/>
    <mergeCell ref="G286:I286"/>
    <mergeCell ref="G293:I293"/>
    <mergeCell ref="G333:G334"/>
    <mergeCell ref="G298:I298"/>
    <mergeCell ref="G328:I328"/>
    <mergeCell ref="G370:I370"/>
    <mergeCell ref="G371:I371"/>
    <mergeCell ref="G372:I372"/>
    <mergeCell ref="H375:H376"/>
    <mergeCell ref="G375:G376"/>
    <mergeCell ref="I375:I376"/>
    <mergeCell ref="G360:I360"/>
    <mergeCell ref="G362:I362"/>
    <mergeCell ref="G363:I363"/>
    <mergeCell ref="G364:I364"/>
    <mergeCell ref="H367:H368"/>
    <mergeCell ref="G373:I373"/>
    <mergeCell ref="G540:I540"/>
    <mergeCell ref="G524:I524"/>
    <mergeCell ref="G500:I500"/>
    <mergeCell ref="G501:I501"/>
    <mergeCell ref="G502:I502"/>
    <mergeCell ref="G503:I503"/>
    <mergeCell ref="G506:I506"/>
    <mergeCell ref="G511:I511"/>
    <mergeCell ref="G515:I515"/>
    <mergeCell ref="G516:I516"/>
    <mergeCell ref="G520:I520"/>
    <mergeCell ref="G521:I521"/>
    <mergeCell ref="G517:I517"/>
    <mergeCell ref="G537:I537"/>
    <mergeCell ref="G538:I538"/>
    <mergeCell ref="G533:I533"/>
    <mergeCell ref="G393:I393"/>
    <mergeCell ref="G383:I383"/>
    <mergeCell ref="G384:I384"/>
    <mergeCell ref="G394:I394"/>
    <mergeCell ref="G395:I395"/>
    <mergeCell ref="G380:I380"/>
    <mergeCell ref="G206:I206"/>
    <mergeCell ref="G205:I205"/>
    <mergeCell ref="G225:I225"/>
    <mergeCell ref="G257:I257"/>
    <mergeCell ref="G261:I261"/>
    <mergeCell ref="G217:I217"/>
    <mergeCell ref="G262:I262"/>
    <mergeCell ref="G469:I469"/>
    <mergeCell ref="G472:I472"/>
    <mergeCell ref="G221:I221"/>
    <mergeCell ref="G222:I222"/>
    <mergeCell ref="G223:I223"/>
    <mergeCell ref="G224:I224"/>
    <mergeCell ref="G245:I245"/>
    <mergeCell ref="G244:I244"/>
    <mergeCell ref="G246:I246"/>
    <mergeCell ref="G247:I247"/>
    <mergeCell ref="G269:I269"/>
    <mergeCell ref="G378:I378"/>
    <mergeCell ref="G397:G398"/>
    <mergeCell ref="H397:H398"/>
    <mergeCell ref="I397:I398"/>
    <mergeCell ref="G402:I402"/>
    <mergeCell ref="G400:I401"/>
    <mergeCell ref="G379:I379"/>
    <mergeCell ref="G415:I415"/>
    <mergeCell ref="G419:I419"/>
    <mergeCell ref="G385:I385"/>
    <mergeCell ref="G386:I386"/>
    <mergeCell ref="G391:I391"/>
    <mergeCell ref="G392:I392"/>
    <mergeCell ref="B585:B586"/>
    <mergeCell ref="G585:G586"/>
    <mergeCell ref="H585:H586"/>
    <mergeCell ref="I585:I586"/>
    <mergeCell ref="G545:I545"/>
    <mergeCell ref="G546:I546"/>
    <mergeCell ref="G555:I555"/>
    <mergeCell ref="G558:I558"/>
    <mergeCell ref="G559:I559"/>
    <mergeCell ref="G564:I564"/>
    <mergeCell ref="G565:I565"/>
    <mergeCell ref="G562:H563"/>
    <mergeCell ref="B562:B564"/>
    <mergeCell ref="C585:C586"/>
    <mergeCell ref="E585:E586"/>
    <mergeCell ref="D585:D586"/>
    <mergeCell ref="J585:J586"/>
    <mergeCell ref="G569:I569"/>
    <mergeCell ref="G570:I570"/>
    <mergeCell ref="G573:I573"/>
    <mergeCell ref="G574:I574"/>
    <mergeCell ref="G575:I575"/>
    <mergeCell ref="G576:I576"/>
    <mergeCell ref="G580:I580"/>
    <mergeCell ref="G581:I581"/>
    <mergeCell ref="H493:H495"/>
    <mergeCell ref="G541:I541"/>
    <mergeCell ref="G406:I406"/>
    <mergeCell ref="G410:I410"/>
    <mergeCell ref="G411:I411"/>
    <mergeCell ref="G414:I414"/>
    <mergeCell ref="G484:I484"/>
    <mergeCell ref="G485:I485"/>
    <mergeCell ref="G420:I420"/>
    <mergeCell ref="G421:I421"/>
    <mergeCell ref="G422:I422"/>
    <mergeCell ref="G424:I424"/>
    <mergeCell ref="G436:I436"/>
    <mergeCell ref="G437:I437"/>
    <mergeCell ref="G440:I440"/>
    <mergeCell ref="G490:I490"/>
    <mergeCell ref="G491:I491"/>
    <mergeCell ref="G486:I486"/>
    <mergeCell ref="G450:I450"/>
    <mergeCell ref="G455:G456"/>
    <mergeCell ref="G446:I446"/>
    <mergeCell ref="G474:I474"/>
    <mergeCell ref="G459:I459"/>
    <mergeCell ref="G461:I461"/>
    <mergeCell ref="A547:A548"/>
    <mergeCell ref="H547:I548"/>
    <mergeCell ref="G525:I525"/>
    <mergeCell ref="G539:I539"/>
    <mergeCell ref="G487:I487"/>
    <mergeCell ref="G229:J233"/>
    <mergeCell ref="B230:B232"/>
    <mergeCell ref="I587:I588"/>
    <mergeCell ref="G547:G548"/>
    <mergeCell ref="A550:A551"/>
    <mergeCell ref="G553:I554"/>
    <mergeCell ref="A530:A531"/>
    <mergeCell ref="G234:J234"/>
    <mergeCell ref="G235:J235"/>
    <mergeCell ref="G236:J236"/>
    <mergeCell ref="G237:J237"/>
    <mergeCell ref="A290:A291"/>
    <mergeCell ref="A416:A417"/>
    <mergeCell ref="B419:B420"/>
    <mergeCell ref="A425:A426"/>
    <mergeCell ref="G403:I403"/>
    <mergeCell ref="G404:I404"/>
    <mergeCell ref="G405:I405"/>
    <mergeCell ref="G473:I473"/>
  </mergeCells>
  <phoneticPr fontId="2"/>
  <dataValidations count="1">
    <dataValidation type="list" allowBlank="1" showInputMessage="1" showErrorMessage="1" sqref="C73:F74 C82:F85 C87:F89 C92:F93 C97:F97 C105:F106 C115:F118 C122:F125 C130:F130 C160:F162 C164:F164 C166:F166 C169:F173 C175:F175 C177:F177 C180:F183 C203:F206 C208:F209 C211:F211 C214:F216 C219:F221 C223:F223 C225:F225 C217:E217 C242:E243 C249:E250 C253:E257 C259:E265 C267:E270 C273:E273 C288:E288 C291:E292 C295:E298 C300:E301 C305:E307 C313:E313 C315:E316 C318:E320 C323:E323 C325:E327 C330:E330 C333:E334 C336:E336 C339:E339 C342:E344 C346:E347 C351:E351 C353:E355 C357:E358 C367:E370 C375:E377 C379:E379 C381:E382 C394:E394 C384:E385 C94:E94 C98:E104 C109:E109 C111:E113 C126:E126 C163:E163 C165:E165 F185 C210:E210 C282:E286 C389:E391 C397:E401 C404:E404 C406:E406 C408:E409 C411:E411 C417:E419 C431:E432 C434:E439 C444:E445 C448:E449 C452:E452 C454:E454 C457:E458 C460:E460 C463:E464 C467:E468 C470:E471 C476:E477 C480:E483 C488:E489 C492:E493 C496:E499 C504:E505 C507:E507 C509:E510 C512:E514 C518:E519 C522:E523 C527:E527 C529:E529 C535:E537 C543:E544 C546:E548 C551:E554 C556:E557 C562:E563 C567:E568 C572:E572 C574:E574 C578:E580 C425:E427 C107:E107 C119:E119 C139:E139 C174:E174 C413:E414 C531:E532 C198:E201 C184:E186 C227:E238 C583:E585 C77:F80 C587:E588" xr:uid="{00000000-0002-0000-0100-000000000000}">
      <formula1>"■,□"</formula1>
    </dataValidation>
  </dataValidations>
  <printOptions horizontalCentered="1"/>
  <pageMargins left="0.59055118110236227" right="0.59055118110236227" top="0.59055118110236227" bottom="0.39370078740157483" header="0.19685039370078741" footer="0.31496062992125984"/>
  <pageSetup paperSize="9" scale="83" firstPageNumber="0" pageOrder="overThenDown" orientation="portrait" useFirstPageNumber="1" r:id="rId1"/>
  <headerFooter differentOddEven="1" differentFirst="1">
    <oddFooter>&amp;C&amp;12法１－&amp;P</oddFooter>
    <evenFooter>&amp;C&amp;12法１－&amp;P</evenFooter>
  </headerFooter>
  <rowBreaks count="41" manualBreakCount="41">
    <brk id="85" max="16383" man="1"/>
    <brk id="94" max="16383" man="1"/>
    <brk id="105" max="11" man="1"/>
    <brk id="120" max="16383" man="1"/>
    <brk id="158" max="11" man="1"/>
    <brk id="166" max="16383" man="1"/>
    <brk id="178" max="16383" man="1"/>
    <brk id="201" max="16383" man="1"/>
    <brk id="211" max="16383" man="1"/>
    <brk id="225" max="16383" man="1"/>
    <brk id="237" max="16383" man="1"/>
    <brk id="245" max="16383" man="1"/>
    <brk id="250" max="16383" man="1"/>
    <brk id="265" max="16383" man="1"/>
    <brk id="280" max="16383" man="1"/>
    <brk id="293" max="16383" man="1"/>
    <brk id="308" max="11" man="1"/>
    <brk id="321" max="11" man="1"/>
    <brk id="331" max="11" man="1"/>
    <brk id="339" max="16383" man="1"/>
    <brk id="351" max="16383" man="1"/>
    <brk id="360" max="11" man="1"/>
    <brk id="365" max="16383" man="1"/>
    <brk id="373" max="16383" man="1"/>
    <brk id="386" max="16383" man="1"/>
    <brk id="403" max="16383" man="1"/>
    <brk id="414" max="11" man="1"/>
    <brk id="422" max="11" man="1"/>
    <brk id="437" max="11" man="1"/>
    <brk id="446" max="11" man="1"/>
    <brk id="474" max="16383" man="1"/>
    <brk id="487" max="11" man="1"/>
    <brk id="503" max="11" man="1"/>
    <brk id="512" max="16383" man="1"/>
    <brk id="525" max="16383" man="1"/>
    <brk id="533" max="16383" man="1"/>
    <brk id="541" max="16383" man="1"/>
    <brk id="548" max="16383" man="1"/>
    <brk id="559" max="11" man="1"/>
    <brk id="565" max="16383" man="1"/>
    <brk id="576" max="16383" man="1"/>
  </rowBreaks>
  <colBreaks count="1" manualBreakCount="1">
    <brk id="5" min="68" max="580" man="1"/>
  </colBreaks>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50"/>
  <sheetViews>
    <sheetView workbookViewId="0">
      <selection activeCell="F9" sqref="F9"/>
    </sheetView>
  </sheetViews>
  <sheetFormatPr defaultColWidth="9" defaultRowHeight="12"/>
  <cols>
    <col min="1" max="1" width="47.5625" style="15" customWidth="1"/>
    <col min="2" max="3" width="8.625" style="15" customWidth="1"/>
    <col min="4" max="4" width="15.625" style="15" customWidth="1"/>
    <col min="5" max="5" width="2.625" style="15" customWidth="1"/>
    <col min="6" max="6" width="51.375" style="15" bestFit="1" customWidth="1"/>
    <col min="7" max="8" width="8" style="15" bestFit="1" customWidth="1"/>
    <col min="9" max="9" width="2.625" style="15" customWidth="1"/>
    <col min="10" max="10" width="45.5625" style="15" customWidth="1"/>
    <col min="11" max="12" width="14.625" style="15" customWidth="1"/>
    <col min="13" max="13" width="32.625" style="15" customWidth="1"/>
    <col min="14" max="14" width="28.625" style="15" customWidth="1"/>
    <col min="15" max="16384" width="9" style="15"/>
  </cols>
  <sheetData>
    <row r="1" spans="1:5" ht="24" customHeight="1">
      <c r="A1" s="44" t="s">
        <v>498</v>
      </c>
      <c r="B1" s="44" t="s">
        <v>209</v>
      </c>
      <c r="C1" s="44" t="s">
        <v>210</v>
      </c>
      <c r="D1" s="44" t="s">
        <v>211</v>
      </c>
      <c r="E1" s="43"/>
    </row>
    <row r="2" spans="1:5" ht="24" customHeight="1">
      <c r="A2" s="45" t="s">
        <v>483</v>
      </c>
      <c r="B2" s="44" t="s">
        <v>212</v>
      </c>
      <c r="C2" s="44" t="s">
        <v>213</v>
      </c>
      <c r="D2" s="44" t="s">
        <v>214</v>
      </c>
      <c r="E2" s="43"/>
    </row>
    <row r="3" spans="1:5" ht="24" customHeight="1">
      <c r="A3" s="45" t="s">
        <v>484</v>
      </c>
      <c r="B3" s="44" t="s">
        <v>212</v>
      </c>
      <c r="C3" s="44" t="s">
        <v>212</v>
      </c>
      <c r="D3" s="44" t="s">
        <v>215</v>
      </c>
      <c r="E3" s="43"/>
    </row>
    <row r="4" spans="1:5" ht="24" customHeight="1">
      <c r="A4" s="45" t="s">
        <v>485</v>
      </c>
      <c r="B4" s="44" t="s">
        <v>212</v>
      </c>
      <c r="C4" s="44" t="s">
        <v>212</v>
      </c>
      <c r="D4" s="44" t="s">
        <v>214</v>
      </c>
      <c r="E4" s="43"/>
    </row>
    <row r="5" spans="1:5" ht="24" customHeight="1">
      <c r="A5" s="45" t="s">
        <v>486</v>
      </c>
      <c r="B5" s="44" t="s">
        <v>212</v>
      </c>
      <c r="C5" s="44" t="s">
        <v>212</v>
      </c>
      <c r="D5" s="44" t="s">
        <v>215</v>
      </c>
      <c r="E5" s="43"/>
    </row>
    <row r="6" spans="1:5" ht="24" customHeight="1">
      <c r="A6" s="45" t="s">
        <v>487</v>
      </c>
      <c r="B6" s="44" t="s">
        <v>212</v>
      </c>
      <c r="C6" s="44" t="s">
        <v>212</v>
      </c>
      <c r="D6" s="44" t="s">
        <v>215</v>
      </c>
      <c r="E6" s="43"/>
    </row>
    <row r="7" spans="1:5" ht="24" customHeight="1">
      <c r="A7" s="45" t="s">
        <v>488</v>
      </c>
      <c r="B7" s="44" t="s">
        <v>212</v>
      </c>
      <c r="C7" s="44" t="s">
        <v>212</v>
      </c>
      <c r="D7" s="44" t="s">
        <v>215</v>
      </c>
      <c r="E7" s="43"/>
    </row>
    <row r="8" spans="1:5" ht="30" customHeight="1">
      <c r="A8" s="45" t="s">
        <v>494</v>
      </c>
      <c r="B8" s="44" t="s">
        <v>212</v>
      </c>
      <c r="C8" s="44" t="s">
        <v>212</v>
      </c>
      <c r="D8" s="44" t="s">
        <v>215</v>
      </c>
      <c r="E8" s="43"/>
    </row>
    <row r="9" spans="1:5" ht="24" customHeight="1">
      <c r="A9" s="45" t="s">
        <v>489</v>
      </c>
      <c r="B9" s="44" t="s">
        <v>212</v>
      </c>
      <c r="C9" s="44" t="s">
        <v>212</v>
      </c>
      <c r="D9" s="44" t="s">
        <v>215</v>
      </c>
      <c r="E9" s="43"/>
    </row>
    <row r="10" spans="1:5" ht="30" customHeight="1">
      <c r="A10" s="45" t="s">
        <v>495</v>
      </c>
      <c r="B10" s="44" t="s">
        <v>212</v>
      </c>
      <c r="C10" s="44" t="s">
        <v>212</v>
      </c>
      <c r="D10" s="44" t="s">
        <v>214</v>
      </c>
      <c r="E10" s="43"/>
    </row>
    <row r="11" spans="1:5" ht="38" customHeight="1">
      <c r="A11" s="45" t="s">
        <v>496</v>
      </c>
      <c r="B11" s="44" t="s">
        <v>212</v>
      </c>
      <c r="C11" s="44" t="s">
        <v>212</v>
      </c>
      <c r="D11" s="44" t="s">
        <v>214</v>
      </c>
      <c r="E11" s="43"/>
    </row>
    <row r="12" spans="1:5" ht="30" customHeight="1">
      <c r="A12" s="45" t="s">
        <v>927</v>
      </c>
      <c r="B12" s="44" t="s">
        <v>212</v>
      </c>
      <c r="C12" s="44" t="s">
        <v>212</v>
      </c>
      <c r="D12" s="44" t="s">
        <v>215</v>
      </c>
      <c r="E12" s="43"/>
    </row>
    <row r="13" spans="1:5" ht="24" customHeight="1">
      <c r="A13" s="45" t="s">
        <v>490</v>
      </c>
      <c r="B13" s="44" t="s">
        <v>212</v>
      </c>
      <c r="C13" s="44" t="s">
        <v>213</v>
      </c>
      <c r="D13" s="44" t="s">
        <v>215</v>
      </c>
      <c r="E13" s="43"/>
    </row>
    <row r="14" spans="1:5" ht="24" customHeight="1">
      <c r="A14" s="45" t="s">
        <v>491</v>
      </c>
      <c r="B14" s="44" t="s">
        <v>212</v>
      </c>
      <c r="C14" s="44" t="s">
        <v>213</v>
      </c>
      <c r="D14" s="44" t="s">
        <v>215</v>
      </c>
      <c r="E14" s="43"/>
    </row>
    <row r="15" spans="1:5" ht="24" customHeight="1">
      <c r="A15" s="45" t="s">
        <v>492</v>
      </c>
      <c r="B15" s="44" t="s">
        <v>212</v>
      </c>
      <c r="C15" s="44" t="s">
        <v>212</v>
      </c>
      <c r="D15" s="44" t="s">
        <v>215</v>
      </c>
      <c r="E15" s="43"/>
    </row>
    <row r="16" spans="1:5" ht="24" customHeight="1">
      <c r="A16" s="45" t="s">
        <v>493</v>
      </c>
      <c r="B16" s="44" t="s">
        <v>212</v>
      </c>
      <c r="C16" s="44" t="s">
        <v>213</v>
      </c>
      <c r="D16" s="44" t="s">
        <v>215</v>
      </c>
      <c r="E16" s="43"/>
    </row>
    <row r="17" spans="1:9" ht="38" customHeight="1">
      <c r="A17" s="45" t="s">
        <v>497</v>
      </c>
      <c r="B17" s="44" t="s">
        <v>212</v>
      </c>
      <c r="C17" s="44" t="s">
        <v>212</v>
      </c>
      <c r="D17" s="44" t="s">
        <v>215</v>
      </c>
      <c r="E17" s="43"/>
    </row>
    <row r="18" spans="1:9" ht="14" customHeight="1">
      <c r="F18" s="46"/>
      <c r="G18" s="44" t="s">
        <v>209</v>
      </c>
      <c r="H18" s="44" t="s">
        <v>210</v>
      </c>
      <c r="I18" s="43"/>
    </row>
    <row r="19" spans="1:9" ht="14" customHeight="1">
      <c r="F19" s="45" t="s">
        <v>904</v>
      </c>
      <c r="G19" s="44" t="s">
        <v>212</v>
      </c>
      <c r="H19" s="44"/>
      <c r="I19" s="43"/>
    </row>
    <row r="20" spans="1:9" ht="14" customHeight="1">
      <c r="F20" s="45" t="s">
        <v>905</v>
      </c>
      <c r="G20" s="44" t="s">
        <v>212</v>
      </c>
      <c r="H20" s="44"/>
      <c r="I20" s="43"/>
    </row>
    <row r="21" spans="1:9" ht="14" customHeight="1">
      <c r="F21" s="45" t="s">
        <v>906</v>
      </c>
      <c r="G21" s="44" t="s">
        <v>212</v>
      </c>
      <c r="H21" s="44"/>
      <c r="I21" s="43"/>
    </row>
    <row r="22" spans="1:9" ht="14" customHeight="1">
      <c r="F22" s="45" t="s">
        <v>907</v>
      </c>
      <c r="G22" s="44" t="s">
        <v>212</v>
      </c>
      <c r="H22" s="44"/>
      <c r="I22" s="43"/>
    </row>
    <row r="23" spans="1:9" ht="14" customHeight="1">
      <c r="F23" s="45" t="s">
        <v>908</v>
      </c>
      <c r="G23" s="44" t="s">
        <v>212</v>
      </c>
      <c r="H23" s="44"/>
      <c r="I23" s="43"/>
    </row>
    <row r="24" spans="1:9" ht="14" customHeight="1">
      <c r="F24" s="45" t="s">
        <v>909</v>
      </c>
      <c r="G24" s="44" t="s">
        <v>212</v>
      </c>
      <c r="H24" s="44"/>
      <c r="I24" s="43"/>
    </row>
    <row r="25" spans="1:9" ht="14" customHeight="1">
      <c r="F25" s="45" t="s">
        <v>910</v>
      </c>
      <c r="G25" s="44" t="s">
        <v>212</v>
      </c>
      <c r="H25" s="44"/>
      <c r="I25" s="43"/>
    </row>
    <row r="26" spans="1:9" ht="14" customHeight="1">
      <c r="F26" s="45" t="s">
        <v>911</v>
      </c>
      <c r="G26" s="44"/>
      <c r="H26" s="44" t="s">
        <v>212</v>
      </c>
      <c r="I26" s="43"/>
    </row>
    <row r="27" spans="1:9" ht="14" customHeight="1">
      <c r="F27" s="45" t="s">
        <v>912</v>
      </c>
      <c r="G27" s="44"/>
      <c r="H27" s="44" t="s">
        <v>212</v>
      </c>
      <c r="I27" s="43"/>
    </row>
    <row r="28" spans="1:9" ht="14" customHeight="1">
      <c r="F28" s="45" t="s">
        <v>913</v>
      </c>
      <c r="G28" s="44"/>
      <c r="H28" s="44" t="s">
        <v>212</v>
      </c>
      <c r="I28" s="43"/>
    </row>
    <row r="29" spans="1:9" ht="14" customHeight="1">
      <c r="F29" s="45" t="s">
        <v>914</v>
      </c>
      <c r="G29" s="44"/>
      <c r="H29" s="44" t="s">
        <v>212</v>
      </c>
      <c r="I29" s="43"/>
    </row>
    <row r="30" spans="1:9" ht="14" customHeight="1">
      <c r="F30" s="45" t="s">
        <v>915</v>
      </c>
      <c r="G30" s="44"/>
      <c r="H30" s="44" t="s">
        <v>212</v>
      </c>
      <c r="I30" s="43"/>
    </row>
    <row r="31" spans="1:9" ht="14" customHeight="1">
      <c r="F31" s="45" t="s">
        <v>916</v>
      </c>
      <c r="G31" s="44"/>
      <c r="H31" s="44" t="s">
        <v>212</v>
      </c>
      <c r="I31" s="43"/>
    </row>
    <row r="32" spans="1:9" ht="14" customHeight="1">
      <c r="F32" s="45" t="s">
        <v>917</v>
      </c>
      <c r="G32" s="44"/>
      <c r="H32" s="44" t="s">
        <v>212</v>
      </c>
      <c r="I32" s="43"/>
    </row>
    <row r="33" spans="6:14" ht="14" customHeight="1">
      <c r="F33" s="45" t="s">
        <v>918</v>
      </c>
      <c r="G33" s="44"/>
      <c r="H33" s="44" t="s">
        <v>212</v>
      </c>
      <c r="I33" s="43"/>
    </row>
    <row r="34" spans="6:14" ht="14" customHeight="1">
      <c r="F34" s="45" t="s">
        <v>919</v>
      </c>
      <c r="G34" s="44"/>
      <c r="H34" s="44" t="s">
        <v>212</v>
      </c>
      <c r="I34" s="43"/>
    </row>
    <row r="35" spans="6:14" ht="14" customHeight="1">
      <c r="F35" s="45" t="s">
        <v>920</v>
      </c>
      <c r="G35" s="44"/>
      <c r="H35" s="44" t="s">
        <v>212</v>
      </c>
      <c r="I35" s="43"/>
    </row>
    <row r="36" spans="6:14" ht="14" customHeight="1">
      <c r="F36" s="45" t="s">
        <v>921</v>
      </c>
      <c r="G36" s="44"/>
      <c r="H36" s="44" t="s">
        <v>212</v>
      </c>
      <c r="I36" s="43"/>
    </row>
    <row r="37" spans="6:14" ht="14" customHeight="1">
      <c r="F37" s="45" t="s">
        <v>922</v>
      </c>
      <c r="G37" s="44"/>
      <c r="H37" s="44" t="s">
        <v>212</v>
      </c>
      <c r="I37" s="43"/>
    </row>
    <row r="38" spans="6:14" ht="14" customHeight="1">
      <c r="F38" s="45" t="s">
        <v>923</v>
      </c>
      <c r="G38" s="44"/>
      <c r="H38" s="44" t="s">
        <v>212</v>
      </c>
      <c r="I38" s="43"/>
    </row>
    <row r="39" spans="6:14" ht="14" customHeight="1">
      <c r="F39" s="45" t="s">
        <v>924</v>
      </c>
      <c r="G39" s="44"/>
      <c r="H39" s="44" t="s">
        <v>212</v>
      </c>
      <c r="I39" s="43"/>
    </row>
    <row r="40" spans="6:14" ht="14" customHeight="1">
      <c r="F40" s="45" t="s">
        <v>925</v>
      </c>
      <c r="G40" s="44"/>
      <c r="H40" s="44" t="s">
        <v>212</v>
      </c>
      <c r="I40" s="43"/>
    </row>
    <row r="41" spans="6:14" ht="14" customHeight="1">
      <c r="F41" s="45" t="s">
        <v>926</v>
      </c>
      <c r="G41" s="44"/>
      <c r="H41" s="44" t="s">
        <v>212</v>
      </c>
      <c r="I41" s="43"/>
    </row>
    <row r="42" spans="6:14" ht="24">
      <c r="J42" s="46"/>
      <c r="K42" s="47" t="s">
        <v>900</v>
      </c>
      <c r="L42" s="47" t="s">
        <v>901</v>
      </c>
    </row>
    <row r="43" spans="6:14" ht="14" customHeight="1">
      <c r="J43" s="46" t="s">
        <v>220</v>
      </c>
      <c r="K43" s="44" t="s">
        <v>221</v>
      </c>
      <c r="L43" s="44" t="s">
        <v>222</v>
      </c>
    </row>
    <row r="44" spans="6:14" ht="24">
      <c r="J44" s="45" t="s">
        <v>227</v>
      </c>
      <c r="K44" s="44" t="s">
        <v>222</v>
      </c>
      <c r="L44" s="44" t="s">
        <v>221</v>
      </c>
    </row>
    <row r="45" spans="6:14" ht="14" customHeight="1">
      <c r="J45" s="46" t="s">
        <v>223</v>
      </c>
      <c r="K45" s="183" t="s">
        <v>224</v>
      </c>
      <c r="L45" s="184"/>
    </row>
    <row r="46" spans="6:14" ht="14" customHeight="1">
      <c r="J46" s="46" t="s">
        <v>225</v>
      </c>
      <c r="K46" s="183" t="s">
        <v>226</v>
      </c>
      <c r="L46" s="184"/>
    </row>
    <row r="47" spans="6:14" ht="14" customHeight="1">
      <c r="M47" s="185" t="s">
        <v>229</v>
      </c>
      <c r="N47" s="47" t="s">
        <v>228</v>
      </c>
    </row>
    <row r="48" spans="6:14" ht="14" customHeight="1">
      <c r="M48" s="186"/>
      <c r="N48" s="47" t="s">
        <v>230</v>
      </c>
    </row>
    <row r="49" spans="13:14" ht="90" customHeight="1">
      <c r="M49" s="48" t="s">
        <v>902</v>
      </c>
      <c r="N49" s="48" t="s">
        <v>903</v>
      </c>
    </row>
    <row r="50" spans="13:14">
      <c r="M50" s="16"/>
      <c r="N50" s="11"/>
    </row>
  </sheetData>
  <mergeCells count="3">
    <mergeCell ref="K46:L46"/>
    <mergeCell ref="K45:L45"/>
    <mergeCell ref="M47:M48"/>
  </mergeCells>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4</vt:i4>
      </vt:variant>
    </vt:vector>
  </HeadingPairs>
  <TitlesOfParts>
    <vt:vector size="7" baseType="lpstr">
      <vt:lpstr>表紙</vt:lpstr>
      <vt:lpstr>自主点検表</vt:lpstr>
      <vt:lpstr>Sheet1</vt:lpstr>
      <vt:lpstr>表紙!OLE_LINK1</vt:lpstr>
      <vt:lpstr>自主点検表!Print_Area</vt:lpstr>
      <vt:lpstr>表紙!Print_Area</vt:lpstr>
      <vt:lpstr>自主点検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島　勝彦</dc:creator>
  <cp:lastModifiedBy>楠原　啓二</cp:lastModifiedBy>
  <cp:lastPrinted>2026-06-02T02:46:22Z</cp:lastPrinted>
  <dcterms:created xsi:type="dcterms:W3CDTF">2025-04-04T06:15:50Z</dcterms:created>
  <dcterms:modified xsi:type="dcterms:W3CDTF">2026-06-03T04:53:45Z</dcterms:modified>
</cp:coreProperties>
</file>